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41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1. Magda\000. ANGIO\09. SP + prílohy\"/>
    </mc:Choice>
  </mc:AlternateContent>
  <xr:revisionPtr revIDLastSave="0" documentId="13_ncr:1_{36615872-5850-49ED-85A8-B77FB24C7DF3}" xr6:coauthVersionLast="36" xr6:coauthVersionMax="47" xr10:uidLastSave="{00000000-0000-0000-0000-000000000000}"/>
  <bookViews>
    <workbookView xWindow="-120" yWindow="-120" windowWidth="24240" windowHeight="13140" tabRatio="918" xr2:uid="{2D127104-D1BD-438D-A90C-40DBACFBBB8E}"/>
  </bookViews>
  <sheets>
    <sheet name="Príloha č. 5 - časť 1 " sheetId="4" r:id="rId1"/>
    <sheet name="Príloha č. 5 - časť 2" sheetId="5" r:id="rId2"/>
    <sheet name="Príloha č. 5 - časť 3" sheetId="6" r:id="rId3"/>
    <sheet name="Príloha č. 5 - časť 4" sheetId="8" r:id="rId4"/>
    <sheet name="Príloha č. 5 - časť 5" sheetId="7" r:id="rId5"/>
    <sheet name="Príloha č. 5 - časť 6" sheetId="9" r:id="rId6"/>
    <sheet name="Príloha č. 5 - časť 7" sheetId="10" r:id="rId7"/>
    <sheet name="Príloha č. 5 - časť 8" sheetId="11" r:id="rId8"/>
    <sheet name="Príloha č. 5 - časť 9" sheetId="12" r:id="rId9"/>
    <sheet name="Príloha č. 5 - časť 10" sheetId="13" r:id="rId10"/>
    <sheet name="Príloha č. 5 - časť 11" sheetId="14" r:id="rId11"/>
    <sheet name="Príloha č. 5 - časť 12" sheetId="15" r:id="rId12"/>
    <sheet name="Príloha č. 5 - časť 13" sheetId="16" r:id="rId13"/>
    <sheet name="Príloha č. 5 - časť 14" sheetId="17" r:id="rId14"/>
    <sheet name="Príloha č. 5 - časť 15" sheetId="18" r:id="rId15"/>
    <sheet name="Príloha č. 5 - časť 16" sheetId="19" r:id="rId16"/>
    <sheet name="Príloha č. 5 - časť 17" sheetId="20" r:id="rId17"/>
    <sheet name="Príloha č. 5 - časť 18" sheetId="21" r:id="rId18"/>
    <sheet name="Príloha č. 5 - časť 19" sheetId="22" r:id="rId19"/>
    <sheet name="Príloha č. 5 - časť 20" sheetId="23" r:id="rId20"/>
    <sheet name="Príloha č. 5 - časť 21" sheetId="24" r:id="rId21"/>
    <sheet name="Príloha č. 5 - časť 22" sheetId="25" r:id="rId22"/>
    <sheet name="Príloha č. 5 - časť 23" sheetId="26" r:id="rId23"/>
    <sheet name="Príloha č. 5 - časť 24" sheetId="27" r:id="rId24"/>
    <sheet name="Príloha č. 5 - časť 25" sheetId="28" r:id="rId25"/>
    <sheet name="Príloha č. 5 - časť 26" sheetId="29" r:id="rId26"/>
    <sheet name="Príloha č. 5 - časť 27" sheetId="31" r:id="rId27"/>
    <sheet name="Príloha č. 5 - časť 28" sheetId="30" r:id="rId28"/>
    <sheet name="Príloha č. 5 - časť 29" sheetId="32" r:id="rId29"/>
    <sheet name="Príloha č. 5 - časť 30" sheetId="33" r:id="rId30"/>
    <sheet name="Príloha č. 5 - časť 31" sheetId="34" r:id="rId31"/>
    <sheet name="Príloha č. 5 - časť 32" sheetId="35" r:id="rId32"/>
    <sheet name="Príloha č. 5 - časť 33" sheetId="36" r:id="rId33"/>
    <sheet name="Príloha č. 5 - časť 34" sheetId="37" r:id="rId34"/>
    <sheet name="Príloha č. 5 - časť 35" sheetId="38" r:id="rId35"/>
    <sheet name="Príloha č. 5 - časť 36" sheetId="39" r:id="rId36"/>
    <sheet name="Príloha č. 5 - časť 37" sheetId="40" r:id="rId37"/>
    <sheet name="Príloha č. 5 - časť 38" sheetId="41" r:id="rId38"/>
    <sheet name="Príloha č. 5 - časť 39" sheetId="42" r:id="rId39"/>
    <sheet name="Príloha č. 5 - časť 40" sheetId="43" r:id="rId40"/>
    <sheet name="Príloha č. 5 - časť 41" sheetId="44" r:id="rId41"/>
    <sheet name="Príloha č. 5 - časť 42" sheetId="45" r:id="rId42"/>
    <sheet name="Príloha č. 5 - časť 43" sheetId="46" r:id="rId43"/>
    <sheet name="Príloha č. 5 - časť 44" sheetId="68" r:id="rId44"/>
    <sheet name="Príloha č. 5 - časť 45" sheetId="47" r:id="rId45"/>
    <sheet name="Príloha č. 5 - časť 46" sheetId="48" r:id="rId46"/>
    <sheet name="Príloha č. 5 - časť 47" sheetId="49" r:id="rId47"/>
    <sheet name="Príloha č. 5 - časť 48" sheetId="50" r:id="rId48"/>
    <sheet name="Príloha č. 5 - časť 49" sheetId="51" r:id="rId49"/>
    <sheet name="Príloha č. 5 - časť 50" sheetId="52" r:id="rId50"/>
    <sheet name="Príloha č. 5 - časť 51" sheetId="53" r:id="rId51"/>
    <sheet name="Príloha č. 5 - časť 52" sheetId="54" r:id="rId52"/>
    <sheet name="Príloha č. 5 - časť 53" sheetId="55" r:id="rId53"/>
    <sheet name="Príloha č. 5 - časť 54" sheetId="56" r:id="rId54"/>
    <sheet name="Príloha č. 5 - časť 55" sheetId="57" r:id="rId55"/>
    <sheet name="Príloha č. 5 - časť 56" sheetId="58" r:id="rId56"/>
    <sheet name="Príloha č. 5 - časť 57" sheetId="59" r:id="rId57"/>
    <sheet name="Príloha č. 5 - časť 58" sheetId="60" r:id="rId58"/>
    <sheet name="Príloha č. 5 - časť 59" sheetId="61" r:id="rId59"/>
    <sheet name="Príloha č. 5 - časť 60" sheetId="62" r:id="rId60"/>
    <sheet name="Príloha č. 5 - časť 61" sheetId="63" r:id="rId61"/>
    <sheet name="Príloha č. 5 - časť 62" sheetId="64" r:id="rId62"/>
    <sheet name="Príloha č. 5 - časť 63" sheetId="65" r:id="rId63"/>
    <sheet name="Príloha č. 5 - časť 64" sheetId="66" r:id="rId64"/>
    <sheet name="Príloha č. 5 - časť 65" sheetId="67" r:id="rId65"/>
  </sheets>
  <definedNames>
    <definedName name="_xlnm.Print_Area" localSheetId="0">'Príloha č. 5 - časť 1 '!$B$1:$F$50</definedName>
    <definedName name="_xlnm.Print_Area" localSheetId="9">'Príloha č. 5 - časť 10'!$B$1:$F$25</definedName>
    <definedName name="_xlnm.Print_Area" localSheetId="10">'Príloha č. 5 - časť 11'!$B$1:$F$25</definedName>
    <definedName name="_xlnm.Print_Area" localSheetId="11">'Príloha č. 5 - časť 12'!$B$1:$F$25</definedName>
    <definedName name="_xlnm.Print_Area" localSheetId="12">'Príloha č. 5 - časť 13'!$B$1:$F$25</definedName>
    <definedName name="_xlnm.Print_Area" localSheetId="13">'Príloha č. 5 - časť 14'!$B$1:$F$53</definedName>
    <definedName name="_xlnm.Print_Area" localSheetId="14">'Príloha č. 5 - časť 15'!$B$1:$F$28</definedName>
    <definedName name="_xlnm.Print_Area" localSheetId="15">'Príloha č. 5 - časť 16'!$B$1:$F$25</definedName>
    <definedName name="_xlnm.Print_Area" localSheetId="16">'Príloha č. 5 - časť 17'!$B$1:$F$25</definedName>
    <definedName name="_xlnm.Print_Area" localSheetId="17">'Príloha č. 5 - časť 18'!$B$1:$F$27</definedName>
    <definedName name="_xlnm.Print_Area" localSheetId="18">'Príloha č. 5 - časť 19'!$B$1:$F$25</definedName>
    <definedName name="_xlnm.Print_Area" localSheetId="1">'Príloha č. 5 - časť 2'!$B$1:$F$35</definedName>
    <definedName name="_xlnm.Print_Area" localSheetId="19">'Príloha č. 5 - časť 20'!$B$1:$F$25</definedName>
    <definedName name="_xlnm.Print_Area" localSheetId="20">'Príloha č. 5 - časť 21'!$B$1:$F$25</definedName>
    <definedName name="_xlnm.Print_Area" localSheetId="21">'Príloha č. 5 - časť 22'!$B$1:$F$25</definedName>
    <definedName name="_xlnm.Print_Area" localSheetId="22">'Príloha č. 5 - časť 23'!$B$1:$F$25</definedName>
    <definedName name="_xlnm.Print_Area" localSheetId="23">'Príloha č. 5 - časť 24'!$B$1:$F$25</definedName>
    <definedName name="_xlnm.Print_Area" localSheetId="24">'Príloha č. 5 - časť 25'!$B$1:$F$25</definedName>
    <definedName name="_xlnm.Print_Area" localSheetId="25">'Príloha č. 5 - časť 26'!$B$1:$F$27</definedName>
    <definedName name="_xlnm.Print_Area" localSheetId="26">'Príloha č. 5 - časť 27'!$B$1:$F$25</definedName>
    <definedName name="_xlnm.Print_Area" localSheetId="27">'Príloha č. 5 - časť 28'!$B$1:$F$25</definedName>
    <definedName name="_xlnm.Print_Area" localSheetId="28">'Príloha č. 5 - časť 29'!$B$1:$F$25</definedName>
    <definedName name="_xlnm.Print_Area" localSheetId="2">'Príloha č. 5 - časť 3'!$B$1:$F$30</definedName>
    <definedName name="_xlnm.Print_Area" localSheetId="29">'Príloha č. 5 - časť 30'!$B$1:$F$31</definedName>
    <definedName name="_xlnm.Print_Area" localSheetId="30">'Príloha č. 5 - časť 31'!$B$1:$F$30</definedName>
    <definedName name="_xlnm.Print_Area" localSheetId="31">'Príloha č. 5 - časť 32'!$B$1:$F$35</definedName>
    <definedName name="_xlnm.Print_Area" localSheetId="32">'Príloha č. 5 - časť 33'!$B$1:$F$51</definedName>
    <definedName name="_xlnm.Print_Area" localSheetId="33">'Príloha č. 5 - časť 34'!$B$1:$F$27</definedName>
    <definedName name="_xlnm.Print_Area" localSheetId="34">'Príloha č. 5 - časť 35'!$B$1:$F$27</definedName>
    <definedName name="_xlnm.Print_Area" localSheetId="35">'Príloha č. 5 - časť 36'!$B$1:$F$27</definedName>
    <definedName name="_xlnm.Print_Area" localSheetId="36">'Príloha č. 5 - časť 37'!$B$1:$F$28</definedName>
    <definedName name="_xlnm.Print_Area" localSheetId="37">'Príloha č. 5 - časť 38'!$B$1:$F$27</definedName>
    <definedName name="_xlnm.Print_Area" localSheetId="38">'Príloha č. 5 - časť 39'!$B$1:$F$28</definedName>
    <definedName name="_xlnm.Print_Area" localSheetId="3">'Príloha č. 5 - časť 4'!$B$1:$F$25</definedName>
    <definedName name="_xlnm.Print_Area" localSheetId="39">'Príloha č. 5 - časť 40'!$B$1:$F$25</definedName>
    <definedName name="_xlnm.Print_Area" localSheetId="40">'Príloha č. 5 - časť 41'!$B$1:$F$26</definedName>
    <definedName name="_xlnm.Print_Area" localSheetId="41">'Príloha č. 5 - časť 42'!$B$1:$F$25</definedName>
    <definedName name="_xlnm.Print_Area" localSheetId="43">'Príloha č. 5 - časť 44'!$B$1:$F$63</definedName>
    <definedName name="_xlnm.Print_Area" localSheetId="44">'Príloha č. 5 - časť 45'!$B$1:$F$27</definedName>
    <definedName name="_xlnm.Print_Area" localSheetId="45">'Príloha č. 5 - časť 46'!$B$1:$F$37</definedName>
    <definedName name="_xlnm.Print_Area" localSheetId="46">'Príloha č. 5 - časť 47'!$B$1:$F$25</definedName>
    <definedName name="_xlnm.Print_Area" localSheetId="47">'Príloha č. 5 - časť 48'!$B$1:$F$25</definedName>
    <definedName name="_xlnm.Print_Area" localSheetId="48">'Príloha č. 5 - časť 49'!$B$1:$F$36</definedName>
    <definedName name="_xlnm.Print_Area" localSheetId="4">'Príloha č. 5 - časť 5'!$B$1:$F$27</definedName>
    <definedName name="_xlnm.Print_Area" localSheetId="49">'Príloha č. 5 - časť 50'!$B$1:$F$43</definedName>
    <definedName name="_xlnm.Print_Area" localSheetId="50">'Príloha č. 5 - časť 51'!$B$1:$F$33</definedName>
    <definedName name="_xlnm.Print_Area" localSheetId="51">'Príloha č. 5 - časť 52'!$B$1:$F$35</definedName>
    <definedName name="_xlnm.Print_Area" localSheetId="52">'Príloha č. 5 - časť 53'!$B$1:$F$64</definedName>
    <definedName name="_xlnm.Print_Area" localSheetId="53">'Príloha č. 5 - časť 54'!$B$1:$F$25</definedName>
    <definedName name="_xlnm.Print_Area" localSheetId="54">'Príloha č. 5 - časť 55'!$B$1:$F$27</definedName>
    <definedName name="_xlnm.Print_Area" localSheetId="55">'Príloha č. 5 - časť 56'!$B$1:$F$26</definedName>
    <definedName name="_xlnm.Print_Area" localSheetId="56">'Príloha č. 5 - časť 57'!$B$1:$F$26</definedName>
    <definedName name="_xlnm.Print_Area" localSheetId="57">'Príloha č. 5 - časť 58'!$B$1:$F$26</definedName>
    <definedName name="_xlnm.Print_Area" localSheetId="58">'Príloha č. 5 - časť 59'!$B$1:$F$26</definedName>
    <definedName name="_xlnm.Print_Area" localSheetId="5">'Príloha č. 5 - časť 6'!$B$1:$F$25</definedName>
    <definedName name="_xlnm.Print_Area" localSheetId="59">'Príloha č. 5 - časť 60'!$B$1:$F$34</definedName>
    <definedName name="_xlnm.Print_Area" localSheetId="60">'Príloha č. 5 - časť 61'!$B$1:$F$35</definedName>
    <definedName name="_xlnm.Print_Area" localSheetId="61">'Príloha č. 5 - časť 62'!$B$1:$F$28</definedName>
    <definedName name="_xlnm.Print_Area" localSheetId="62">'Príloha č. 5 - časť 63'!$B$1:$F$27</definedName>
    <definedName name="_xlnm.Print_Area" localSheetId="63">'Príloha č. 5 - časť 64'!$B$1:$F$27</definedName>
    <definedName name="_xlnm.Print_Area" localSheetId="64">'Príloha č. 5 - časť 65'!$B$1:$F$33</definedName>
    <definedName name="_xlnm.Print_Area" localSheetId="6">'Príloha č. 5 - časť 7'!$B$1:$F$23</definedName>
    <definedName name="_xlnm.Print_Area" localSheetId="7">'Príloha č. 5 - časť 8'!$B$1:$F$29</definedName>
    <definedName name="_xlnm.Print_Area" localSheetId="8">'Príloha č. 5 - časť 9'!$B$1:$F$27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" i="68" l="1"/>
  <c r="B2" i="67"/>
  <c r="B2" i="66"/>
  <c r="B2" i="65"/>
  <c r="B2" i="64"/>
  <c r="B2" i="63"/>
  <c r="B2" i="62"/>
  <c r="B2" i="61"/>
  <c r="B2" i="60"/>
  <c r="B2" i="59"/>
  <c r="B2" i="58"/>
  <c r="B2" i="57"/>
  <c r="B2" i="56"/>
  <c r="B2" i="55"/>
  <c r="B2" i="54"/>
  <c r="B2" i="53"/>
  <c r="B2" i="52"/>
  <c r="B2" i="51"/>
  <c r="B2" i="50"/>
  <c r="B2" i="49"/>
  <c r="B2" i="48"/>
  <c r="B2" i="47"/>
  <c r="B2" i="46"/>
  <c r="B2" i="45"/>
  <c r="B2" i="44"/>
  <c r="B2" i="43"/>
  <c r="B2" i="42"/>
  <c r="B2" i="41"/>
  <c r="B2" i="40"/>
  <c r="B2" i="39"/>
  <c r="B2" i="38"/>
  <c r="B2" i="37"/>
  <c r="B2" i="36"/>
  <c r="B2" i="35"/>
  <c r="B2" i="34"/>
  <c r="B2" i="33"/>
  <c r="B2" i="32"/>
  <c r="B2" i="31"/>
  <c r="B2" i="30"/>
  <c r="B2" i="29"/>
  <c r="B2" i="28"/>
  <c r="B2" i="27"/>
  <c r="B2" i="26"/>
  <c r="B2" i="25"/>
  <c r="B2" i="24"/>
  <c r="B2" i="23"/>
  <c r="B2" i="22"/>
  <c r="B2" i="21"/>
  <c r="B2" i="20"/>
  <c r="B2" i="19"/>
  <c r="B2" i="18"/>
  <c r="B2" i="17"/>
  <c r="B2" i="16"/>
  <c r="B2" i="15"/>
  <c r="B2" i="14"/>
  <c r="B2" i="13"/>
  <c r="B2" i="12"/>
  <c r="B2" i="11"/>
  <c r="B2" i="10"/>
  <c r="B2" i="9"/>
  <c r="B2" i="7"/>
  <c r="B2" i="8"/>
  <c r="B2" i="6"/>
  <c r="B2" i="5"/>
</calcChain>
</file>

<file path=xl/sharedStrings.xml><?xml version="1.0" encoding="utf-8"?>
<sst xmlns="http://schemas.openxmlformats.org/spreadsheetml/2006/main" count="1966" uniqueCount="699">
  <si>
    <t>Názov predmetu zákazky:</t>
  </si>
  <si>
    <t>Špecifikácia predmetu zákazky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spĺňa/nespĺňa </t>
  </si>
  <si>
    <t>hodnota ponúka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V:</t>
  </si>
  <si>
    <t>Dňa:</t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oznámka:</t>
  </si>
  <si>
    <t>- povinné údaje vyplní uchádzač</t>
  </si>
  <si>
    <t>Časť č. 1 - Špeciálny zdravotnícky materiál pre intervenčnú angiológiu - sterilný angiografický set</t>
  </si>
  <si>
    <t>Položka č. 1 - Sterilný angiografický set</t>
  </si>
  <si>
    <t>1.1</t>
  </si>
  <si>
    <t>miska, v ktorej je set uložený - 1x</t>
  </si>
  <si>
    <t>1.2</t>
  </si>
  <si>
    <t xml:space="preserve">miska 120 ml, optimálne transparentná - 1x      </t>
  </si>
  <si>
    <t>1.3</t>
  </si>
  <si>
    <t>miska 500 ml - farebná ( napr. modrá ) - 1x</t>
  </si>
  <si>
    <t>1.4</t>
  </si>
  <si>
    <t>1.5</t>
  </si>
  <si>
    <t>striekačka 2 ml - 1x</t>
  </si>
  <si>
    <t>1.6</t>
  </si>
  <si>
    <t>striekačka 10 ml - 2x</t>
  </si>
  <si>
    <t>1.7</t>
  </si>
  <si>
    <t>striekačka 20 ml - 1x</t>
  </si>
  <si>
    <t>1.8</t>
  </si>
  <si>
    <t>ihla zelená, 21G; 0,8x40mm - 1x</t>
  </si>
  <si>
    <t>1.9</t>
  </si>
  <si>
    <t>1.10</t>
  </si>
  <si>
    <t>náplasť 9x10cm - 1x</t>
  </si>
  <si>
    <t>1.11</t>
  </si>
  <si>
    <t>rukavice č. 7,5 bez prášku - 2x</t>
  </si>
  <si>
    <t>1.12</t>
  </si>
  <si>
    <t>gázové štvorce 10 x 10 cm - 5x</t>
  </si>
  <si>
    <t>1.13</t>
  </si>
  <si>
    <t>tampóny č. 5 - 15x</t>
  </si>
  <si>
    <t>1.14</t>
  </si>
  <si>
    <t>pean z plastu - 1x</t>
  </si>
  <si>
    <t>1.15</t>
  </si>
  <si>
    <t>1.16</t>
  </si>
  <si>
    <t>rúškovanie angiografického stola minim.rozmer  225x300cm - 1x</t>
  </si>
  <si>
    <t>1.17</t>
  </si>
  <si>
    <t>rúško s lepiacou stranou, min. rozmer 72x50cm - 1x</t>
  </si>
  <si>
    <t>1.18</t>
  </si>
  <si>
    <t>savá rúška min. rozmer 30x40cm - 1x</t>
  </si>
  <si>
    <t>1.19</t>
  </si>
  <si>
    <t>papierové utierky min. rozmer 40x30 cm - 2x</t>
  </si>
  <si>
    <t>1.20</t>
  </si>
  <si>
    <t>plášť L - 1x</t>
  </si>
  <si>
    <t>1.21</t>
  </si>
  <si>
    <t>plášť XL, vhodné zvlášť zabalený - 1x</t>
  </si>
  <si>
    <t>1.22</t>
  </si>
  <si>
    <t>vodiaci drôt J minimálne 260cm, 0.035´´ - 1x</t>
  </si>
  <si>
    <t>1.23</t>
  </si>
  <si>
    <t>miska na vodiaci drôt , min. 1200 ml - 1x</t>
  </si>
  <si>
    <t>1.24</t>
  </si>
  <si>
    <t>punkčná ihla; 18G; 1,3x70mm - 1x</t>
  </si>
  <si>
    <t>1.25</t>
  </si>
  <si>
    <t>rúško na krytie stolíka, min. rozmer 90x140cm - 1x</t>
  </si>
  <si>
    <t>1.26</t>
  </si>
  <si>
    <t>lepiaci štítok - 1x</t>
  </si>
  <si>
    <t>ŠZM pre intervenčnú angiológiu zameraný na sterilný angiografický set použiteľný pri diagnostickom aj terapeutickom intervenčnom výkone u cievneho pacienta.</t>
  </si>
  <si>
    <t xml:space="preserve">vysokotlaková hadička, min. 75 cm, min. 78 bar/ekvivalent v PSI -1x </t>
  </si>
  <si>
    <t>Položka č. 1 -  Mikro-zavádzače</t>
  </si>
  <si>
    <t>Zavádzače slúžia ako cievne vstupy pri intervencii do tepnového a žilového systému, sú súčasťou každej intervenčnej procedúry, diagnostiky ako aj liečby. Vyžadujú sa zavádzače na širokú škálu využitia, v rozsahu od 4 – 11 F, v prevedení štandardných zavádzačov, ako aj zavádzačov použiteľných ako guiding katétre resp. kink-rezistentných zavádzačov, ako aj mikrozavádzačov. Ako súčasť materiálu požadujeme aj samostatnú hemostatickú chlopňu, hydrofílne rekanalizačné 0.035‘‘vodiče a podporný hydrofílny katéter.</t>
  </si>
  <si>
    <t>Optimálne sa zužujúce zavádzače vo veľkostiach minimálne 
4 -6 F a v dĺžke medzi 5 – 7 cm, dodávané s vodičom, veľkosti 0.025‘‘.</t>
  </si>
  <si>
    <t>Položka č. 2 - Štandardné zavádzače</t>
  </si>
  <si>
    <t>2.1</t>
  </si>
  <si>
    <t>Zužujúce sa zavádzače v rôznych KIT-och na optimálnu penetráciu s anti-kinking vlastnosťou, s hemostatickou chlopňou, vo veľkostiach 4 – 11 F a dĺžke medzi 10 – 25 cm</t>
  </si>
  <si>
    <t>3.1</t>
  </si>
  <si>
    <t>Vysoko kink-rezistentné zavádzače so špirálou s nehrdzavejúcej ocele v PTFE obale s charakterom guiding katétra s hydrofílnym koncom na ľahkú penetráciu. Musia byť atraumatické, konštruované na diagnostiku a intervencie v periférnych tepnách, renálnych aj karotických tepnách. Ukončenie zavádzača by malo byť minimálne v rovnom a zakrivenom ukončení, minimálne vo veľkostiach 5 – 8 F a dĺžkach 45 – 90 cm</t>
  </si>
  <si>
    <t>4.1</t>
  </si>
  <si>
    <t>Samostatná hemostatická chlopňa kompatibilná so zavádzačmi minimálne do veľkosti 7 F, zabráňujúca krvácaniu a nasatiu vzduchu do zavádzača</t>
  </si>
  <si>
    <t>5.1</t>
  </si>
  <si>
    <t>Rekanalizačné 0.035‘‘ hydrofílne nitinolové vodiče pokryté polyuretanom wolfrámu a potiahnuté hydrofílnym polymérom. Musia byť v rôznych dĺžkach, vrátane 300 cm, s rôznym zakrivením vrátane: rovné, v uhle, zakrivením v tvare J a v dvojotom zakrivení</t>
  </si>
  <si>
    <t>6.1</t>
  </si>
  <si>
    <t>Požadovaný hydrofílny angiografický katéter určený pre angiografické procedúry v perifénych a neurálnych tepnách. Musí mať distálny hydrofílny coating v prevedení 4 resp. 5 F, kompatibilné s 0.035‘‘resp. 0.038‘‘vodičom, v prevedení straight a vertebral, minimálne v dĺžke 100 cm</t>
  </si>
  <si>
    <t>Položka č. 3 - Kink-rezistentné zavádzače s vlastnosťou guiding katétrov</t>
  </si>
  <si>
    <t>Položka č. 4 - Samostatná hemostatická chlopňa</t>
  </si>
  <si>
    <t>Položka č. 5 - Rekanalizačné vodiče 0.035‘‘ ( eventualita 0.038‘‘)</t>
  </si>
  <si>
    <t>Položka č. 6 - Hydrofílny angiografický katéter</t>
  </si>
  <si>
    <t>Časť č. 2 - Zavádzače, rekanalizačné 0.035‘‘vodiče a katétre</t>
  </si>
  <si>
    <t>Časť č. 3 - Diagnostické katétre a vodiče</t>
  </si>
  <si>
    <t>Špeciálny zdravotnícky materiál so zameraním na kompletné diagnostické portfólio intervenčnej angiológie a zároveň materiál určený na terapeutické použitie pri intervenciach na cievnom systéme všeobecne, katétre a vodiče.</t>
  </si>
  <si>
    <t>Položka č. 1 -  Diagnostické katétre pre prehľadnú angiografiu</t>
  </si>
  <si>
    <t xml:space="preserve">Položka č. 2 - Diagnostické katétre pre selektívnu angiografiu </t>
  </si>
  <si>
    <t>Široká škála diagnostických a terapeutických vodiacich katétrov v rôznych dĺžkach a veľkostiach (F) so širokým diagnostickým aj terapeutickým využitím určených pre prehľadnú angiografiu - vo veľkostiach katétrov 4 a 5 F a vybraných 6 F. Požadované katétre sú: Pigtail a Straight, môže byť aj Universal Flush.</t>
  </si>
  <si>
    <t>Požadovaná široká škála diagnostických katétrov pre selektívnu angiografiu s dĺžkami katétrov podľa vybraných typov medzi 65 - 125 cm, v základných tvaroch katétrov minimálne vo vyhotovení: Vertebral katéter, Berenstein katéter, Simmons katéter a Cobra katéter.</t>
  </si>
  <si>
    <t>Dodané portfólio môže obsahovať aj široký rozsah katétrov – napr.:  Multipurpose ( vrátane subintimálneho katétra), Renal Double Curve katétra, Cobra ( C1, C2, C3 ), Sheperd Hook I a II, Celiac Trunk, J Corve I, II, III, Sidewinder Simmons katéter ( SIM 1, 2, 3, 4 ), Headhunter I a III,  Newton III a IV, Mani katéter, Bentson-Hanafee-Wilson I, II, a III.</t>
  </si>
  <si>
    <t>2.2</t>
  </si>
  <si>
    <t>Položka č. 3 - Diagnostický vodič</t>
  </si>
  <si>
    <t>Požadovaný diagnostický guidewire v zakončení rovný a/alebo J, nevyhnutný v dĺžke minimálne 240 cm a 0.035´´ rozmere, dopĺňujúce môžu byť aj iné rozmery.</t>
  </si>
  <si>
    <t>Časť č. 4 -  0.014‘‘a 0.035‘‘vodiče – zamerané na výbornú manévrovateľnosť</t>
  </si>
  <si>
    <t>Požadované 0.014‘‘a 0.035‘‘vodiče so zameraním na výbornú manévrovateľnosť, v rámci širokého spektra intervencií.</t>
  </si>
  <si>
    <t>Vyžadujeme 0.014‘‘vodič vhodný na prechod komplexnými a tortuóznymi anatomickými štruktúrami, ako aj s možnosťou adekvátneho supportu pri ťažkých periférnych intervenciách, požadované sú v dĺžke 180 a 300 cm, koniec vodiča musí byť v rovnom ako aj J zakončení, optimálne distálna časť radiopacitná v dĺžke 3 cm, flexibílny vodič, zakončenie vodiča v prevedení soft alebo supersoft.</t>
  </si>
  <si>
    <t>Vyžadujeme 0.035‘‘vodič, ideálne a ľahko ovládateľný a riaditeľný vodič, pre všetky intervenčné procedúry, umožňujúci prístup aj do ktorejkoľvek ťažko prístupnej tepny, excelentne vizualizovaný, jadro vodiča má byť oceľové so silikónovým coatingom, požadujeme s rovným aj ohnutým koncom vodiča, v dĺžke 180 a 300 cm, s pribaleným torquerom.</t>
  </si>
  <si>
    <t>Časť č. 5 - Rekanalizačné vodiče a mikrokatétre</t>
  </si>
  <si>
    <t>Požadované špeciálne rekanalizačné periférne vodiče, mikrokatétre a kombinované mikrokatétre s vodičmi na intervencie tepien končatín, vrátane rekanalizácie chronických kalcifikovaných lézií.</t>
  </si>
  <si>
    <t>Položka č. 1 -  Vodiče 0.014´´ koncepcie</t>
  </si>
  <si>
    <t>Určené primárne na rekanalizáciu - prechody stenózami a uzávermi tepien predkolenia vrátane nohy vrátane plantárnej loop techniky, trombotických, fibrotických, fibrokalcifikačných a vysokokalcifikovaných lézií v dĺžkach vybraných vodičov 180 resp. 200 cm a 300 cm, zaťaženie špičky vodičov od 1.0 gf do 40.0 gf</t>
  </si>
  <si>
    <t>Položka č. 2 -  Vodiče 0.018´´ koncepcie</t>
  </si>
  <si>
    <t>Určené primárne na rekanalizáciu - prechody stenózami a uzávermi tepien nad kolenom, vrátane, trombotických, fibrotických, fibrokalcifikačných a vysokokalcifikovaných lézií v dĺžkach vybraných vodičov 200, 235 a 300 cm so zaťažením špičky podľa druhu vodiča od 4.0 gf do 30.0 gf.</t>
  </si>
  <si>
    <t>Položka č. 3 - Mikrokatétre s vodičmi</t>
  </si>
  <si>
    <t>Podporné mikrokatétre v dĺžke minimálne 135 a 150 cm, kompatibilné s 0.014" vodičmi, musia mať hydrofílnu povrchovú úpravu, špička musí byť nízkoprofilovú kĺzavú špičku (maximálne do 1,5 Fr), mikrokatéter musí mať možnosť aplikácie kontrastnej látky  pre superselektívny nástrek</t>
  </si>
  <si>
    <t xml:space="preserve">Položka č. 1 -  0.014‘‘vodič </t>
  </si>
  <si>
    <t>Položka č. 2 -  0.035‘‘vodič</t>
  </si>
  <si>
    <t>Časť č. 6 - Rekanalizačné vodiče na prechod stenózami 0.014‘‘a 0.018‘‘ koncepcie</t>
  </si>
  <si>
    <t>Špeciálne rekanalizačné vodiče na použitie v periférnom tepnovom systéme končatín, na prechod závažnými stenózami resp. uzávermi tepien.</t>
  </si>
  <si>
    <t>Položka č. 1 -   Vodiče 0.014‘‘</t>
  </si>
  <si>
    <t>Položka č. 2 -  Vodiče 0.018‘‘</t>
  </si>
  <si>
    <t>0.014‘‘vodiče na použitie v periférnom tepnovom systéme na femoro-popliteálnu a krurálnu oblasť, s možnosťou použitia aj hybridného vodiča v prevedení nitinolol/oceľ a vodičov na CTO s primárnym určením na intraluminálne rekanalizácie. Požadované sú 3 typy špičiek s variáciou priemerov a vzostupnou tuhosťou špičky pre prechod oklúziami,. Zároveň je požadovaný aj koronárny/periférny vodič v dĺžke 300 cm v rovnom a J zakončení s 3 cm radiopacitným koncom, hydrofílny a v rôznych hmotnostiach ( tuhostiach ).</t>
  </si>
  <si>
    <t>0.018‘‘vodiče určené na rekanalizáciu stenóz a uzáverov, vhodné je prevedenie minimálne v 3 druhoch vodiča, vodiče majú možnosť úpravy špičky podľa potreby, vodiče musia byť schopné robiť potrebný support pri intervencii, zároveň musia byť schopné prechodu léziami a musia byť minimálne v dĺžke 300 cm.</t>
  </si>
  <si>
    <t>Časť č. 7 -  Manometrické PTA striekačky</t>
  </si>
  <si>
    <t>Požadované sú manometrické PTA striekačky s možnosťou použitia aj pri vysokotlakovej insuflácií.</t>
  </si>
  <si>
    <t>Položka č. 1 -   Manometrické PTA striekačky</t>
  </si>
  <si>
    <t xml:space="preserve">Manometrické PTA striekačky, na použitie k liečbe PTA štandardným alebo DCB balónom a implantáciu balón-expandovateľných stentov, s objemom striekačky v rozmedzí minimálne  medzi 20 – 35 ml a tlakom insuflácie minimálne do 25 atm. </t>
  </si>
  <si>
    <t>Časť č. 8 - Štandardné PTA balóny</t>
  </si>
  <si>
    <t>PTA katétre/balóny určené na štandardnú PTA procedúru, dilatáciu periférneho cievneho systému-arteriálneho a venózneho
Požadujeme štandardné PTA katétre/balóny určené na liečbu periférneho cievneho systému angioplastikou. Požadujeme balóny v kompatibilite na 0.014´´, 0.018´´ a 0.035´´ vodiče. Portfólio musí obsahovať široké priemery a dĺžky balónov, na 0.018´´ a 0.035´´ vodiče optimálne aj v dĺžkach balónov 300 cm. Požadované balóny musia byť kompatibilné v rozsahu 4-6 F zavádzačov, musia byť OTW koncepcie.</t>
  </si>
  <si>
    <t xml:space="preserve">Vyžadujú sa PTA balónkové katétre kompatibilné s  0.014´´ v rozsahu priemeru minimálne a  vrátane 1.5 - 4 mm a dĺžky PTA katétrov od priemeru 2 mm 
v rozsahu minimálne a vrátane 40 -  120 mm (konkrétne 40, 80, 120 a vybraných priemerov katétrov aj do 150 mm). </t>
  </si>
  <si>
    <t>Požadované sú  PTA katétre kompatibilné s 0.018´´ vodičom, v priemere balóna v minimálne v rozsahu a vrátane 2 - 7 mm a dĺžky minimálne v rozsahu a vrátane 20 - 120 mm a vo vybraných priemeroch aj 150 mm, optimálne v priemere balónov v rozsahu 4 - 7 mm aj v dĺžkach 150, 200 a 250 mm a v dĺžke až 300 mm pri priemere balónov 4 - 6 mm.</t>
  </si>
  <si>
    <t xml:space="preserve">Požadované sú  PTA katétre kompatibilné s 0.035´´ vodičom, v priemere balónov v rozsahu minimálne a vrátane 3 - 12 mm a dĺžok minimálne v rozsahu a vrátane 20 - 120 mm pri 3 mm priemere a pri priemere balónov 4 - 6 mm v dĺžke v rozsahu 20 - 300 mm a pri priemere 7 - 12 mm minimálne v dĺžke 20 a 40 mm; do priemeru balóna 10 mm musí byť kompatibilita 6F shaftu. </t>
  </si>
  <si>
    <t>Položka č. 3 - PTA balónkové katétre na 0.035´´ vodič</t>
  </si>
  <si>
    <t>Položka č. 2 - PTA balónkové katétre na 0.018´´ vodič</t>
  </si>
  <si>
    <t>Položka č. 1 - PTA balónkové katétre na 0.014´´ vodič</t>
  </si>
  <si>
    <t>Časť č. 9 - DCB balóny</t>
  </si>
  <si>
    <t>Špeciálne DCB balóny s nízkym crossing profilom s veľkými dĺžkami povlečených balónov s obsahom liečiva paclitaxel. Požadujeme balóny kompatibilné s 0.018´´ a 0.035´´ vodičom. 
Požadujeme špeciálne nízkoprofilové DCB balóny určené na periférne tepny s indikáciou minimálne do femoropopliteálnej ako aj infrapopliteálnej oblasti. Vybrané balóny sa môžu použiť aj na ošetrenie dialyzačných AV fistúl.  Požadované balóny musia byť kompatibilné podľa veľkosti a typu so 4-6 F zavádzačom, požadujeme balóny  0.018´´ a 0.035´´ koncepcie, balóny musia byť nízkoprofilové, môžu byť semi-compliantné, musia byť OTW koncepcie a obsahovať paclitaxel.</t>
  </si>
  <si>
    <t>Položka č. 1 - 0.035´´ DCB balóny</t>
  </si>
  <si>
    <t>Položka č. 2 - 0.018´´ DCB balóny</t>
  </si>
  <si>
    <t>Požadované balóny musia byť nízko-profilové, povlečené paclitaxelom, kompatibilné s 0.018´´ vodičom a so 4 resp. 5F zavádzačom. Priemer balónov musí byť minimálne medzi a vrátane 4 - 6 mm a dĺžkach vybraných balónov medzi a vrátane 40 – 120 mm, optimálne aj s väčšou dĺžkou.  Balóny sa môžu používať aj na ošetrenie dialyzačných AV fistúl.</t>
  </si>
  <si>
    <t>Požadované balóny musia byť OTW koncepcie, kompatibilné s 0.035´´ vodičom a 5 resp. 6F zavádzačom, vybrané balóny musia byť v priemere minimálne medzi a vrátane 4 – 6 mm a v dĺžkach minimálne medzi a vrátane 40 – 150 mm , optimálne aj väčšou dĺžkou,  použité liečivo paclitaxel.</t>
  </si>
  <si>
    <t>Časť č. 10 - Špeciálne 4F DCB balóny</t>
  </si>
  <si>
    <t>Špeciálne DCB balóny s nízkym crossing profilom s veľkými dĺžkami povlečených balónov s obsahom liečiva paclitaxel. Požadujeme balóny kompatibilné s 0.018´´ vodičom.</t>
  </si>
  <si>
    <t>Položka č. 1 - Špeciálne 4F DCB balóny</t>
  </si>
  <si>
    <t xml:space="preserve">Požadujeme špeciálne nízkoprofilové DCB balóny určené na periférne tepny s indikáciou minimálne do femoro-popliteálnej oblasti a zároveň aj na tepny predkolenia resp. až planty. Vybrané balóny sa môžu použiť aj na ošetrenie dialyzačných AV fistúl.  Požadované balóny na ošetrenie femoro-popliteálnej oblasti musia byť kompatibilné s 4 F zavádzačom, 0.018´´ koncepcie, musia byť nízkoprofilové. Môžu byť semi-compliantné, musia byť OTW koncepcie a obsahovať paclitaxel. Priemer balónov musí byť minimálne medzi a vrátane 4 - 6 mm a dĺžkach vybraných balónov medzi a vrátane 40 – 200 mm. </t>
  </si>
  <si>
    <t>Časť č. 11 - Špeciálny DCB balón (sirolimus)</t>
  </si>
  <si>
    <t>Špeciálne DCB balóny s nízkym crossing profilom, 0.018´´ kompatibilitou vodiča a povlečené liečivom sirolimus.</t>
  </si>
  <si>
    <t>Položka č. 1 -  Špeciálne DCB balóny (sirolimus)</t>
  </si>
  <si>
    <t>Požadujeme špeciálne DCB balóny určené na periférne tepny, k liečbe de novo alebo restenóz lézií,  kompatibilné podľa priemeru balóna so 5-7 F zavádzačom, musia byť OTW koncepcie a diametrom balóna v rozmedzí minimálne a vrátane medzi 2 - 7 mm a s dĺžkami vybraných balónov medzi a vrátane 40 - 150 mm, kompatibilné s 0.018´´ vodičom.</t>
  </si>
  <si>
    <t>Časť č. 12 - Špeciálny scóringový balón</t>
  </si>
  <si>
    <t>Požadovaný ŠZM -  špeciálny scóring PTA balón, indikovaný na závažné komplexné aj vysoko kalcifikované stenózy ako eventualita „debulking“ metódy.</t>
  </si>
  <si>
    <t>Položka č. 1 -  Špeciálny scóringový balón</t>
  </si>
  <si>
    <t>Požadujeme špeciálny scóringový balón, 5 alebo 6F kompatibilný, na 0.014 a/alebo 0.018´´ vodič. Balón musí byť semi-compliantný a vysokotlakový, s minimálnym rizikom disekcií. Požadujeme balóny s priemermi v rozmedzí 2 - 8 mm, minimálne medzi a vrátane 2 - 6 mm a dĺžkami vybraných druhov minimálne medzi a vrátane 20 - 40 mm</t>
  </si>
  <si>
    <t>Časť č. 13 - Špeciálne balóny s kontrolovanou dilatáciou</t>
  </si>
  <si>
    <t>Požadované sú špeciálne balóny s kontrolovanou dilatáciou na zníženie rizika disekcií ciev, oproti POBA liečbe, s určením do periférnych tepien DK a renálnych tepien.</t>
  </si>
  <si>
    <t>Položka č. 1 -  Špeciálne balóny s kontrolovanou dilatáciou</t>
  </si>
  <si>
    <t>Požadujeme špeciálne dilatačné balóny s nitinolovým výpletom, na kontrolovanú dilatáciu v povodí ilických ale aj kompletných infrainguinálnych tepien, vrátane tepien pod kolenom ako aj na liečbu stenóz renálnych tepien. Balóny musia byť kompatibilné s 5 resp. 6F zavádzačom a 0.014´´ a/alebo 0.018´´ vodičom – podľa rozmerov balónov. Požadujeme priemery balónov medzi a vrátane 2.5 – 6.0 mm a v dĺžkach medzi a vrátane 40 – 120mm</t>
  </si>
  <si>
    <t>Časť č. 14 - Špeciálny zdravotnícky materiál pre intervenčnú angiológiu - sterilný angiografický neuroset</t>
  </si>
  <si>
    <t>ŠZM pre intervenčnú angiológiu zameraný na sterilný angiografický neuroset použiteľný pri diagnostickom aj terapeutickom intervenčnom výkone pri neurointervencii.</t>
  </si>
  <si>
    <t>Položka č. 1 -  Sterilný neuro-intervenčný angiografický set</t>
  </si>
  <si>
    <t>angiografická rúška na pacienta, 225 x 340 cm, s transparentným okrajom - 1 x</t>
  </si>
  <si>
    <t>vodiaci drôt J3, 0,035”, dĺžka 260 cm - 1x</t>
  </si>
  <si>
    <t>punkčná ihla 18G, 70 mm - 1x</t>
  </si>
  <si>
    <t>Y-konektor, 1 ks samostatne zabalený - 3x</t>
  </si>
  <si>
    <t>trojcestný kohút, ON-verzia - 3x</t>
  </si>
  <si>
    <t>jednorazový angiografický operačný plášť veľ. L, materiál SMS - 1x</t>
  </si>
  <si>
    <t>jednorazový angiografický operačný plášť veľ. XL, materiál SMS, oba samostatne zabalené - 2x</t>
  </si>
  <si>
    <t>miska na uloženie setu o rozmere 31 x 29 x 5 cm - 1x</t>
  </si>
  <si>
    <t>miska na uloženie vodiča, so zábranou proti dislokácii vodiča 1200 ml - 1x</t>
  </si>
  <si>
    <t>miska transparentná na kontrastnú látku 120 ml - 1x</t>
  </si>
  <si>
    <t>miska modrá na preplachový roztok 500 ml - 1x</t>
  </si>
  <si>
    <t>skalpel č. 11, s dlhou plastovou rukoväťou - 1x</t>
  </si>
  <si>
    <t>ochranný transparentný kryt na štít a zosilňovač 120 x 120 cm, 1 ks samostatne zabalený - 2x</t>
  </si>
  <si>
    <t>injekčná striekačka 2 ml LS - 1x</t>
  </si>
  <si>
    <t>injekčná striekačka 10 ml LS - 6x</t>
  </si>
  <si>
    <t>injekčná striekačka 20 ml LS - 5x</t>
  </si>
  <si>
    <t>injekčná striekačka s gumeným piestom a so závitom 2 ml LL - 1x</t>
  </si>
  <si>
    <t>injekčná striekačka s gumeným piestom a so závitom 10 ml LL - 1x</t>
  </si>
  <si>
    <t>injekčná ihla 21G (0,8 x 40 mm), zelená - 1x</t>
  </si>
  <si>
    <t>náplasť 9 x 10 cm - 1x</t>
  </si>
  <si>
    <t>operačné chirurgické rukavice bezpúdrové č. 7.5 - 2 páry</t>
  </si>
  <si>
    <t>operačné chirurgické rukavice bezpúdrové č. 7.0 - 1 pár</t>
  </si>
  <si>
    <t>gázové štvorce 10 x 10 cm 8-vrstvové - 30x</t>
  </si>
  <si>
    <t>tampóny veľ. 5 (60 mm) - 20 x</t>
  </si>
  <si>
    <t>krycia rúška s lepiacou stranou, 75 x 90 cm, samostatne zabalené - 1x</t>
  </si>
  <si>
    <t>savá rúška 40 x 60 cm - 1x</t>
  </si>
  <si>
    <t>1.27</t>
  </si>
  <si>
    <t>papierové utierky 57 x 37 cm - 2x</t>
  </si>
  <si>
    <t>1.28</t>
  </si>
  <si>
    <t>rúška na zakrytie operačného stolíka 100 x 150 cm, set je v nej zabalený - 1x</t>
  </si>
  <si>
    <t>1.29</t>
  </si>
  <si>
    <t>Celý set musí byť kompletne zabalený v sterilnom transparentnom obale</t>
  </si>
  <si>
    <t>Požadované stenty a balóny veľkých priemerov, ktoré sú určené na implantáciu do aorty, ako aj s možnosťou implantácie do hornej/dolnej dutej žily.</t>
  </si>
  <si>
    <t>Položka č. 1 - Aortálne stenty</t>
  </si>
  <si>
    <t xml:space="preserve">Samo-expandovateľné aortálne nitinolové stenty, kompatibilné so zavádzačom do 10 F, closed cell koncepcioiu, dobrou radiálnoiu silou, s možnosťou použitia pri stenózach ale aj disekciách aorty a riešení endoleaku 1a/1b, na implantáciu do vena cava, vrátane pri obštrukciách, v rozmeroch priemeru medzi a vrátane 16 – 36 mm a v dĺžke vybraných priemerov stentov v rozsahu minimálne 40 – 100 mm, kompatibilné na 0.035‘‘vodič. </t>
  </si>
  <si>
    <t>Položka č. 2 - Arteriálny/venózny PTA katéter na veľký priemer ciev</t>
  </si>
  <si>
    <t>Arteriálny a venózny PTA katéter na veľké priemery ciev, kompatibilný s 0.035‘‘vodičom, balón s možnosťou PTA ciev v rozmedzí priemeru medzi a vrátane 12 – 28 mm a v dĺžke v rozsahu 20 – 40 mm, kompatibilné so zavádzačmi do veľkosti 12 F.</t>
  </si>
  <si>
    <t>Operačný rúškovací zavádzací set pre neurointervenčné diagnostické aj terapeutické výkony, musí pozostávať z uvedených položiek:</t>
  </si>
  <si>
    <t>Časť č. 15 - Stenty a balóny veľkých priemerov</t>
  </si>
  <si>
    <t>Časť č. 16 - 4F samo-expandovateľné stenty</t>
  </si>
  <si>
    <t>Požadované samo-expandovateľné nízkoprofilové a flexibilné 4 F stenty, kompatibilné na 0.018´´ vodič.</t>
  </si>
  <si>
    <t>Položka č. 1 - Stent</t>
  </si>
  <si>
    <t xml:space="preserve">Požadujeme 4 F nízkoprofilový flexibílny nitinolový 
samo-expandovateľný stent, v „open“ alebo „closed cell“ dizajne, indikovaný do infra-inguinálnej oblasti. Musí byť OTW koncepcie, kompatibilný na 0.018´´ vodič a s rozmermi - priemeru stentu v rozmedzí minimálne a vrátane medzi 4 - 7 mm a dĺžky v rozmedzí minimálne a vrátane medzi 40 - 100 mm. </t>
  </si>
  <si>
    <t>Časť č. 17 - 5F samo-expandovateľný stent ( BMS )</t>
  </si>
  <si>
    <t>Požadovaný ŠZM so zameraním na nízkoprofilové 5F samo-expandibilné stenty ( BMS )  určené do periférnych tepien.</t>
  </si>
  <si>
    <t>Položka č. 1 - 5F samo-expandovateľný stent ( BMS )</t>
  </si>
  <si>
    <t>5 F samo-expandovateľný nitinolový stent kompatibilný s 0.035“ vodičom, s dĺžkou shaftu minimálne 120 cm a veľkosťou priemeru v rozsahu minimálne a vrátane 5 - 8 mm a dĺžkou stentu minimálne v rozsahu a vrátane 20 - 80 mm, v open cell alebo closed cell designe.</t>
  </si>
  <si>
    <t xml:space="preserve">Časť č. 18 - 6F samo-expandovateľné stenty </t>
  </si>
  <si>
    <t>Požadujeme samo-expandovateľné 6 F kompatibilné stenty na 0.035´´ vodič s indikáciou na supra aj infrainguinálne tepny.</t>
  </si>
  <si>
    <t xml:space="preserve">Položka č. 1 - Suprainguinálne stenty </t>
  </si>
  <si>
    <t>Požadujeme 6 F kompatibilné samo-expandovateľné nitinolové stenty, na 0.035´´ vodič, OTW konštrukcie. Stenty požadujeme v priemeroch minimálne a vrátane 9 – 12 mm a v dĺžke minimálne a vrátane 30 – 80 mm, optimálne na ilické tepny.</t>
  </si>
  <si>
    <t xml:space="preserve">Položka č. 2 - Infrainguinálne stenty </t>
  </si>
  <si>
    <t>Požadujeme 6 F kompatibilné samo-expandovateľné nitinolové stenty, na 0.035´´ vodič, OTW konštrukcie. Stenty požadujeme v priemeroch minimálne a vrátane 6 – 8 mm a v dĺžkach minimálne a vrátane medzi 30 – 120 mm, optimálne na femorálnu oblasť.</t>
  </si>
  <si>
    <t>Časť č. 19 - Balón-expandovateľné suprainguinálne Co-Cr stenty</t>
  </si>
  <si>
    <t>Balón-expandovateľné Co-Cr stenty určené na liečbu periférneho tepnového systému končatín, suprainguinálnych lézií</t>
  </si>
  <si>
    <t>Položka č. 1 - Balón-expandovateľné suprainguinálne Co-Cr stenty</t>
  </si>
  <si>
    <t>Balón-expandovateľné Co-Cr stenty kompatibilné s 0.035´´ vodičom a 6F zavádzačom, OTW koncepcie, vo veľkostiach priemeru stentu minimálne v rozmedzí a vrátane 6 - 10 mm a dĺžky minimálne v rozmedzí 19 - 37 mm a vybraných priemerov stentov v rozmedzí dĺžky minimálne 19-57 mm, indikované na ošetrenie suprainguinálne -  iliakálne arteriálne riečisko.</t>
  </si>
  <si>
    <t>Časť č. 20 - Periférny balón-expandovateľné stenty</t>
  </si>
  <si>
    <t>Požadovaný periférny balón-expandovateľný stent ( BMS ).</t>
  </si>
  <si>
    <t>Položka č. 1 -  Periférny balón-expandovateľné stenty</t>
  </si>
  <si>
    <t>Balón-expandovateľný periférny ( BMS ) stent, kompatibilný na 0.014‘‘ – 0.018‘‘vodič, stent RX koncepcie, určený na periférne tepnové intervencie, požadované priemery stentov medzi a vrátane 5 – 7 mm a v dĺžkach minimálne medzi 12 – 20 mm, kompatibilné s 5 resp. 6 F zavádzačom.</t>
  </si>
  <si>
    <t>Vyžadujú sa špeciálne superflexibilné samo-expandovateľné a kink rezistentné stenty určené na implantáciu do femoro-popliteálnej oblasti, vrátane implantácie len do popliteálnej oblasti.</t>
  </si>
  <si>
    <t>Položka č. 1 -  Špeciálne super-flexibilné stenty ( do femoro-popliteálnej oblasti )</t>
  </si>
  <si>
    <t xml:space="preserve">Požadovaný špeciálny super-flexibilný a kink rezistentný stent s dokázanou 0% frakturáciou stentu, indikovaný na femoro-popliteálnu ako aj s možnoťou implantácie do popliteálnej oblasti, stent ktorý kopíruje prirodzenú anatómiu implantovanej tepny, resp. optimálne by mal vytvárať špirálovitý tok, musí byť indikovaný na ošetrenie tepien v rozmere minimálne priemeru tepny medzi 4 - 6 mm a do dĺžky lézie 140 mm, stent v rozvinutí musí dosahovať priemeru medzi 4,5 - 6,5 mm resp. pri špirálovitom toku medzi 5 – 7 mm a dĺžkou vybraných stentov medzi a vrátane minimálne 60 -150 mm, musí byť kompatibilný so 6F zavádzačom a 0.035´´ alebo 0.018´´ vodičom. </t>
  </si>
  <si>
    <t>Časť č. 21 -  Špeciálne super-flexibilné stenty (do femoro-popliteálnej oblasti)</t>
  </si>
  <si>
    <t>Časť č. 22 -  Renálne stenty</t>
  </si>
  <si>
    <t>Požadované balón expandovateľné renálne stenty na liečbu zúžených obličkových tepien.</t>
  </si>
  <si>
    <t>Položka č. 1 -  Renálne stenty</t>
  </si>
  <si>
    <t>Renálne balón expandovateľné stenty – nitinolové alebo CoCr konštrukcie, nízkoprofilové s vysokou radiálnou silou a flexibilitou, kompatibilita 5F zavádzač resp. 6F katéter, RX alebo OTW koncepcia katétra, kompatibilný s 0.014´´ vodičom v rôznych rozmeroch, optimálny nárast priemeru stentu o 0.5 mm, vo veľkostiach priemeru stentu v rozmedzí minimálne 4.5-7 mm a dĺžkach stentov v rozmedzí minimálne 15-18 mm.</t>
  </si>
  <si>
    <t>Časť č. 23 -  Venózne stenty</t>
  </si>
  <si>
    <t>Samo-expandovateľné stenty určené na použitie vo venóznom systéme, s veľkou radiálnou silou, minimalizujúce eventuálnu migráciu stentov.</t>
  </si>
  <si>
    <t>Položka č. 1 - Venózne stenty</t>
  </si>
  <si>
    <t>Požadované samo-expandovateľné venózne stenty na liečbu lézie vo venóznom systéme – na post-trombotické ako aj non-trombotické lézie v iliako-femorálnej oblasti. Stenty musia mať veľkú radiálnu silu, musia odolávať veľkej kompresii, zároveň byť flexibilné, musia redukovať event. migráciu stentu.  Stenty musia byť do 10 F veľkosti, v priemeroch minimálne a vrátane medzi 10 – 18 mm a v dĺžkach medzi a vrátane 60 – 150 mm, v open alebo closed cell koncepcii.</t>
  </si>
  <si>
    <t xml:space="preserve">Časť č. 24 - DES samo-expandibilné stenty </t>
  </si>
  <si>
    <t>Požadované sú samo-expandovateľné liekom povlečené stenty určené primárne na infrainguinálne ošetrenie periférnych tepien.</t>
  </si>
  <si>
    <t>Liekom (paclitaxel) poťahované nitinolové samo-expandovateľné stenty určené na liečbu tepien femoropopliteálnej oblasti, kompatibilné s 0.035´´vodičom a 6F zavádzačom, minimálne v rozmedzí a vrátane priemeru stentu 6 - 7 mm a dĺžky v rozsahu minimálne  a vrátane 40 - 120 mm (konkrétne minimálne v rozmeroch 40, 60, 80, 100 a 120 mm dĺžky stentu)</t>
  </si>
  <si>
    <t xml:space="preserve">Položka č. 1 -  DES samo-expandibilné stenty </t>
  </si>
  <si>
    <t xml:space="preserve">Časť č. 25 -  Balón-expandovateľné infrainguinálne DES stenty </t>
  </si>
  <si>
    <t>Požadované balón expandovateľné stenty poťahované liekom, určené na implantáciu do tepien infrapopliteálnej oblasti DK.</t>
  </si>
  <si>
    <t>Položka č. 1 -   Balón-expandovateľné infrainguinálne DES stenty</t>
  </si>
  <si>
    <t xml:space="preserve">Liekom poťahované stenty  ( derivát sirolimu / amphilimus ), implantované do infrapopliteálnej lokalizácie tepien (BTK) v rozmeroch priemeru minimálne 2,5 - 4,5 mm vrátane a dĺžky minimálne v rozmedzí 16 - 31 mm, kompatibilné, na 0.014´´ vodiče, RX alebo OTW koncepcie.
Polymer-free amphilimus dokázateľne redukuje zápalovú aktivitu cievnej steny a trombotizáciu stentov. </t>
  </si>
  <si>
    <t xml:space="preserve">Časť č. 26 - Periférne cievne stentgrafty samo-expandibilné </t>
  </si>
  <si>
    <t>Vyžadujú sa periférne cievne stentgrafty samo expandovateľné s možnosťou použitia v arteriálnom aj venóznom systéme.</t>
  </si>
  <si>
    <t>Položka č. 1 - Periférne cievne stentgrafty samo-expandibilné, typ 1</t>
  </si>
  <si>
    <t>Požadujeme samo-expandovateľné cievne stentgrafty kompatibilné s 0,035´´ vodičmi, OTW koncepcie, s ePTFE materiálu, optimálne s impregnáciou carbónom ( nie je podmienkou ) určené primárne na liečbu restenóz periférnych a centrálnych lézií v stentoch a u pacientov s AV štepmi resp. AV fistulami. Požadované sú rozmery priemeru stentgraftu minimálne medzi a vrátane 6 - 13,5 mm a v dĺžkach minimálne medzi a vrátane 40  - 120 mm</t>
  </si>
  <si>
    <t>Položka č. 2 - Periférne cievne stentgrafty samo-expandibilné, typ 2</t>
  </si>
  <si>
    <t xml:space="preserve">Požadujeme samo-expandovateľné cievne stentgrafty kompatibilné s 0.035´´ vodičmi, OTW koncepcie s ePTFE materiálu, optimálne s impregnáciou carbónom ( nie je podmienkou ) určené primárne na liečbu stenóz venózneho outflowu na horných končatinách pri AV fistulách alebo graftoch, ako aj na aterosklerotické lézie tepien v iliako-femorálnej oblasti s určením na tepny priemeru medzi a vrátane 4.5 – 9 mm, požadujeme priemery graftov minimálne medzi a vrátane 6 – 10 mm a v dĺžkach minimálne medzi a vrátane 40 – 80 mm. </t>
  </si>
  <si>
    <t xml:space="preserve">Časť č. 28 -  Revaskularizačný trombektomický aspiračný katéter
</t>
  </si>
  <si>
    <t>Aspiračný katéter na odsávanie akútnych a subakútnych tromboembolických resp. aterotrombogénnych uzáverov periférnych tepien.</t>
  </si>
  <si>
    <t>Položka č. 1 -   Revaskularizačný trombektomický aspiračný katéter</t>
  </si>
  <si>
    <t xml:space="preserve">Požadujeme aspiračný katéter na odsávanie akútnych a subakútnych tromboembolických resp. aterotrombotických uzáverov tepien vrátane aspirácie periprocedurálnych komplikácií endovaskulárnych výkonov na tepnách. Požadujeme kompatibilitu s 0.035´´ vodičom a veľkosti minimálne medzi a vrátane 5-7 F. </t>
  </si>
  <si>
    <t xml:space="preserve">Časť č. 27 -  Periférne cievne stentgrafty balón-expandibilné
</t>
  </si>
  <si>
    <t>Požadované špeciálne „covered“ stenty-stentgrafty, balón-expandibilné na ošetrenie periférnych tepien.</t>
  </si>
  <si>
    <t>Položka č. 1 - Periférne cievne stentgrafty balón-expandibilné</t>
  </si>
  <si>
    <t>Požadujeme balón-expandovateľné nízko-zavádzač profilové covered stenty – cievne periférne stentgrafty, ktoré majú preukazateľnú indikáciu na používanie (študie -EU/USA, register -EU/USA, guidelines ) pri fenestrovaných a branchovaných stentgraftoch. Musia byť kompatibilné s 0,035´´ vodičmi, musia byť z ePTFE materiálu, OTW koncepcie  a v rozmeroch priemeru minimálne medzi a vrátane 5 - 10 mm a dĺžkach vybraných priemerov, minimálne medzi 18 - 57 mm a kompatibilitou zavádzačov medzi 6F-8F s možnosťou liečby aj stenóz resp. restenóz renálnych tepien.</t>
  </si>
  <si>
    <t>Časť č. 29 -   Revaskularizačný trombolytický katéter</t>
  </si>
  <si>
    <t>Trombolytický katéter – infúzny systém na zabezpečenie dodávky trombolytickej liečby do tepnového alebo žilového uzáveru cievneho systému.</t>
  </si>
  <si>
    <t>Položka č. 1 -  Revaskularizačný trombolytický katéter</t>
  </si>
  <si>
    <t xml:space="preserve">Požadujeme trombolytické katétre – infúzny trombolytický systém na zabezpečenie dodávky trombolytickej liečby do tepnového alebo žilového uzáveru cievneho systému. Potreba dodania rôznych dĺžok katétrov s rôznymi dĺžkami pracovných ( infúznych ) koncov v rozmedzí dĺžok medzi a vrátane 5 - 50 cm, s možnosťou katétra s alebo bez oklúzneho vodiča s kompatibilitou 4 resp. 5F. </t>
  </si>
  <si>
    <t>Časť č. 30 - Súturový uzatvárací systém</t>
  </si>
  <si>
    <t>Požadujeme ŠZM so zameraním na cievne uzávery po punkcii artéria femoralis na mechanickom princípe jedného stehu.</t>
  </si>
  <si>
    <t xml:space="preserve">Položka č. 1 - Cievne uzávery </t>
  </si>
  <si>
    <t>Sutúrový  uzatvárací systém musí pracovať na podklade jednovláknovej polypropylénovej sutúry, používanej na uzatváranie punkcií femorálnej artérie, systém musí byť 6F konštrukcie,</t>
  </si>
  <si>
    <t>musí obsahovať jednu sutúru a 2 ihly, pozostávať z puzdra a vodiacej časti. Vodiaca časť musí obsahovať ihly, sutúru a podložku a presne riadi umiestnenie ihiel v mieste punkcie,</t>
  </si>
  <si>
    <t>značkovací  lúmen sa musí nachádzať vo vodiacej časti, s intraluminálnym otvorom lúmenu, umiestneným na distálnom konci vodiacej časti, proximálne musí vodiaci lúmen vytŕčať z pomôcky, značkovací lúmen umožňuje odvádzanie krvi z femorálnej artérie, aby zabezpečil správne umiestnenie pomôcky,</t>
  </si>
  <si>
    <t>uzatvárací systém sa pohybuje po štandardnom (0,035´´ resp. 0,038“) vodiacom drôte,</t>
  </si>
  <si>
    <t>príslušenstvo viazača stehov a slučka viazača stehov musí byť súčasťou zariadenia a je uspôsobené na umiestnenie utiahnutého sutúrového stehu pri arteriotómii,</t>
  </si>
  <si>
    <t>sutúrový nôž je tiež určený na odrezanie koncov sutúry, systém je konštruovaný na použitie v miestach od 5 po 8 F zavádzač,</t>
  </si>
  <si>
    <t>systém musí byť určený na jedno použitie.</t>
  </si>
  <si>
    <t xml:space="preserve">Špeciálny zdravotnícky materiál pre intervenčnú angiológiu so zameraním na perkutánne implantovateľné vaskulárne oklúdery - plugy, určené na uzávery tepien a vén širokého spektra priemeru ciev, vrátane uzáverov ciev veľkého priemeru a  uzáverov tepien u pacientov s implantáciou hrudných a/alebo brušných alebo ilických stentgraftov ako prevencie progresie nárastu vaku aneuryzmy  - endoleaku II. typu resp. prevencia plnenia falošného lúmena pri disekciách hrudnej aorty. Vaskulárne oklúdery je možné použiť aj pri riešení operačne nezvládnuteľného alebo neriešiteľného krvácania pri traumatickom alebo onkologickom postihnutí v brušnej dutine a malej panve alebo v muskuloskeletálnom systéme. </t>
  </si>
  <si>
    <t>Časť č. 31 - Cievne oklúdery</t>
  </si>
  <si>
    <t xml:space="preserve">Položka č. 1 - Cievne oklúdery </t>
  </si>
  <si>
    <t xml:space="preserve">ŠZM - perkutánne implantovateľné vaskulárne oklúdery - plugy na uzávery širokého spektra priemeru tepien a vén, vrátane veľkého priemeru. Vaskulárne oklúdery je možné použiť aj pri riešení operačne nezvládnuteľného alebo neriešiteľného krvácania pri traumatickom postihnutí orgánov brucha a panvy ako aj uzávery tepien pri operačne neriešiteľných komplikáciách tumorov obličiek, gynekologických nádorov a nádorov GIT-u. </t>
  </si>
  <si>
    <t>Požaduje sa komplexná škála cievnych nitinolových samoexpandovateľných oklúderov 
- vaskulárnych plugov - fixovaných na vodiči,</t>
  </si>
  <si>
    <t xml:space="preserve">rôznych typov a veľkostí s ohľadom na anatomické pomery implantovaných/uzatváraných tepien a vén v krátkych, resp. variabilných kotviacich zónach vrátane tepien malého profilu, 
</t>
  </si>
  <si>
    <t xml:space="preserve">v rozmedzí veľkostí priemerov okluderov od 3 do 22 mm a možností uzáverov tepien a vén  priemeru od 2,0 do 16,9 mm, 
</t>
  </si>
  <si>
    <t>s možnosťou kompletnej repozície polohy okludera ešte pred uvolnením z fixovaného vodiča,</t>
  </si>
  <si>
    <t xml:space="preserve">požaduje sa kompatibilita so zavádzačmi veľkosti od 4 do 7 F a s vodiacimi katétrami vo veľkosti od 5 do 9 F.
</t>
  </si>
  <si>
    <t>Časť č. 32 - Embolizačný materiál a katétre</t>
  </si>
  <si>
    <t>Vyžaduje sa pevný uvoľňovaný embolizačný materiál ( coily ) vrátane uvolňovača coilov a zároveň tekutý embolizačný periférny materiál, vrátane prepravných mikrokatétrov.</t>
  </si>
  <si>
    <t xml:space="preserve">Položka č. 1 - Pevný uvoľňovaný embolizačný materiál – coily </t>
  </si>
  <si>
    <t xml:space="preserve">Položka č. 2 - Detacher – uvolňovač coilov </t>
  </si>
  <si>
    <t>Položka č. 3 - Mikrokatétre</t>
  </si>
  <si>
    <t>Položka č. 4 - Tekutý embolizačný materiál</t>
  </si>
  <si>
    <t>Položka č. 5 -  Mikrokatétre na tekutý embolizačný materiál</t>
  </si>
  <si>
    <t>Vyžadujú sa kompatibilné mikrokatétre na zavádzanie tekutých embolizačných materiálov o veľkosti distálnej časti 1,5 F.</t>
  </si>
  <si>
    <t>4.1.1</t>
  </si>
  <si>
    <t>s obsahom 8 % ethylén vinyl alkoholu</t>
  </si>
  <si>
    <t>4.1.2</t>
  </si>
  <si>
    <t>s obsahom 6 % ethylén vinyl alkoholu</t>
  </si>
  <si>
    <t>Vyžadujú sa mikrokatétre na sondáž a zavádzanie pevných embolizačných materiálov, coilov, s veľkosťou distálnej časti v rozmedzí 1,7 – 3,0 F.</t>
  </si>
  <si>
    <t>Vyžaduje sa kompatibilný detacher-uvolňovač odpojiteľných coilov.</t>
  </si>
  <si>
    <t xml:space="preserve">Vyžadujú sa tekuté embolizačné materiály na podklade co-polymérov, na cielené použitie a kompletnú oklúziu resp. kontrolovnú embolizačnú liečbu na periférnom cievnom systéme, vrátane liečby endoleakov, liečby A-V malformácií, krvácaní ale aj tumorov a pod.,požadujeme v dvoch koncentráciach ethylén vinyl alkoholu. </t>
  </si>
  <si>
    <t>Vyžaduje sa periférny embolizačný odpojiteľný ( fixovaný ) materiál – coily určený na arteriálne aj venózne periférne intervencie, coily sú implantované transkatetrálne, sú kompatibilné s katétrami minimálnej veľkosti lúmenu 0,0165 resp. 0,021 a samotnej veľkosti coilov v rozmedzí minimálne 2 – 20 mm a dĺžky v rozmedzí 40 -500 mm.</t>
  </si>
  <si>
    <t>Časť č. 33 - Pevný embolizačný materiál</t>
  </si>
  <si>
    <t xml:space="preserve">Špeciálny zdravotnícky materiál so zameraním na coily fixované a nefixované s hydrogélovým povlakom alebo hydrofílnym polymérom, vhodné na uzáver  tepien ako aj liečbu aneuryziem tepien, resp. riešenie komplikácie endograftingu aorty - endoleakov. </t>
  </si>
  <si>
    <t xml:space="preserve">Položka č. 1 - Nefixované coily </t>
  </si>
  <si>
    <t>Periférny embolizačný endovaskulárny systém musí byť na podklade špirály s hydrogélovým povlakom, určený na uzatváranie periférných ciev, vaskulárnych malformácií a aneuryziem</t>
  </si>
  <si>
    <t>Nefixované ( pushable ) coily – sú coily vypúšťané vytlačením, pozostávajú zo samotnej špirály vloženej do zavádzača špirály a zatlačacieho drôtu. Vyrobené musia byť z platinového drôtu a vonkajšieho obalu z hydrogélu. Musia byť použiteľné v širokom rozsahu priemerov a dĺžok. Umiestňované na určené miesto musia byť za pomoci mikrokatétrov.</t>
  </si>
  <si>
    <t>Nefixované coily 35 systém</t>
  </si>
  <si>
    <t>1.3.1</t>
  </si>
  <si>
    <t>musia byť dodávané v rozmeroch priemeru minimálne a vrátane 4 – 16 mm a dĺžkach medzi a vrátane 4 – 20 cm</t>
  </si>
  <si>
    <t>Nefixované coily 18 systém</t>
  </si>
  <si>
    <t>1.4.2</t>
  </si>
  <si>
    <t>musia byť dodávané v rozmeroch priemeru minimálne a vrátane 2 – 10 mm a dĺžkach medzi a vrátane 2 – 20 cm</t>
  </si>
  <si>
    <t>Položka č. 2 - Fixované (odpojiteľné) coily</t>
  </si>
  <si>
    <t>Odpojiteľné ( detacheble ) coily – musia byť coily kde samotná špirála je pripojená k aplikačnému systému. Zavádzacie zatláčadlo musí poháňať regulátor odpojenia na selektívne odpájanie špirál. Vyrobené musia byť z platinového drôtu a vonkajšieho obalu z hydrogélu. Musia byť použiteľné v širokom rozsahu priemerov a dĺžok. Umiestňované na určené miesto musia byť za pomoci mikrokatétrov</t>
  </si>
  <si>
    <t>Fixované coily 35 systém</t>
  </si>
  <si>
    <t>musia byť dodávané v rozmeroch priemeru minimálne a vrátane 3 – 20 mm a dĺžkach medzi a vrátane 5 – 30 cm</t>
  </si>
  <si>
    <t>Fixované coily 18 systém</t>
  </si>
  <si>
    <t>musia byť dodávané v rozmeroch priemeru minimálne a vrátane 2 – 20 mm a dĺžkach medzi a vrátane 2 – 30 cm</t>
  </si>
  <si>
    <t>2.3</t>
  </si>
  <si>
    <t>2.3.1</t>
  </si>
  <si>
    <t>2.4</t>
  </si>
  <si>
    <t>2.4.1</t>
  </si>
  <si>
    <t>Položka č. 3 - Fixované (detachable) coily s vnútornou vrstvou hydrofílneho polyméru</t>
  </si>
  <si>
    <t>Periférny embolizačný endovaskulárny systém musí byť na podklade špirály s vnútornou vrstvou hydrofilného polyméru, určený na uzatváranie periférných ciev, vaskulárnych malformácií a aneuryziem</t>
  </si>
  <si>
    <t>3.2</t>
  </si>
  <si>
    <t>Musia mať dlhú dobu možnej repozície – minimálne 20 minút</t>
  </si>
  <si>
    <t>3.3</t>
  </si>
  <si>
    <t>Fixované (detachable) coily 35 systém</t>
  </si>
  <si>
    <t>3.3.1</t>
  </si>
  <si>
    <t>musia byť dodávané minimálne v priemeroch medzi a vrátane 4 – 20 mm a dĺžke medzi a vrátane 7 – 39 cm</t>
  </si>
  <si>
    <t>3.4</t>
  </si>
  <si>
    <t>Fixované (detachable) coily 18 systém</t>
  </si>
  <si>
    <t>3.4.1</t>
  </si>
  <si>
    <t>musia byť dodávané minimálne v priemeroch medzi a vrátane 2 – 20 mm a v dĺžkach medzi a vrátane 2 – 40 cm</t>
  </si>
  <si>
    <t>Položka č. 4 - Regulátor odpájania (detacher)</t>
  </si>
  <si>
    <t>Kompatibilný uvoľňovač (detacher) špirál na 35 a 18 systém špirál</t>
  </si>
  <si>
    <t xml:space="preserve">Položka č. 5 -  Embolizačné mikročastice </t>
  </si>
  <si>
    <t>Mikročastice musia byť v tvare mikroguľôčok a sú vyrobené s použitím polyetylénglykolu. Musia byť tvarované, stlačiteľné, kalibrované, sférické a biokompatibilné</t>
  </si>
  <si>
    <t>5.2</t>
  </si>
  <si>
    <t>Musia byť určené na riadenú cielenú embolizáciu. Musia byť určené na uzávery ciev, vrátane periférnych arteriovenóznych malformácií, tumorov svalov, krku, trupu, na zastavenie traumatického krvácania a predoperačné využitie na zmiernenie krvácania. Mali by byť vhodné aj na uzávery ciev hypervaskularizovaných tumorov</t>
  </si>
  <si>
    <t>5.3</t>
  </si>
  <si>
    <t>Musia byť dostupné vo veľkosti mikročastíc medzi a vrátane 75 mikrometrov ( plus/mínus 30 mikrometrov) – 1100 mikrometrov (plus/mínus 75 mikrometrov).</t>
  </si>
  <si>
    <t>5.4</t>
  </si>
  <si>
    <t>Dodávané musia byť v 20 ml injekčnej striekačke, ktorá musí obsahovať minimálne 2 ml materiálu mikročastíc v nepyrogénnom, sterilnom fyziologickom roztoku.</t>
  </si>
  <si>
    <t>Časť č. 34 - Kaválne filtre</t>
  </si>
  <si>
    <t>Požadujeme špeciálny zdravotnícky materiál na zavádzanie a extrakciu dočasných protekcií do dolnej dutej žily, ako ochrany pred pľúcnou embolizáciou z trombotizácií žíl dolných končatín. Požadované sú samotné kaválne filtre, rôznej koncepcie implantácie, minimálne jugulárne, brachiálne a femorálne a jugulárne extraktory v rovnom aj zakrivenom prevedení.</t>
  </si>
  <si>
    <t>Položka č. 1 - Kaválny filter</t>
  </si>
  <si>
    <t>Položka č. 2 - Kaválny extraktor</t>
  </si>
  <si>
    <t>Požadujeme kaválne filtre s možnosťou implantácie ako dočasný a/alebo trvalý filter, minimálne cez jugulárny, brachiálny a femorálny prístup, požadujeme filtre bez háčika a s háčikom, ktoré sa odstráňujú extraktorom alebo za pomoci lasa. Filtre musia byť z nehrdzavejúcej ocele,  MRI kompatibilné, netrombogénne, indikované do priemeru dolnej dutej žily s maximálnym priemerom 32 mm, s celkovou dĺžkou ( výškou minimálne medzi 50-60 mm ). Filtre nesmú mať žiadne spoje, musia mať minimálne 8 ramienok, z toho minimálne 5 kotviacich ramienok a ďalších 3 – 6 ramienok na optimálnu polohu a centrovanie filtra, súčasťou musí byť 7 F zavádzač.</t>
  </si>
  <si>
    <t>Požadujeme kompatibilné extraktory na odstraňovanie a/alebo premiestnenie kaválneho filtra, musia byť určené na jugulárny prístup s možnosťou použitia rovného a zakriveného prevedenia resp. s možnosťou vychýlenia osi samotného extraktoru. Extraktor musí mať minimálne 6 ramienok extraktora v rôznych dĺžkach, celkovo dĺžka samotného extraktora-kliešťov musí byť minimálne 24 mm a priemer pri otvorení medzi 12-15 mm, súčasťou musí byť 9 F zavádzač.</t>
  </si>
  <si>
    <t xml:space="preserve">Požadované ŠZM - na endovaskulárne riešenie chronických kalcifikovaných tepnových stenóz - aterektomické katétrové systémy s pohonnou jednotkou.              </t>
  </si>
  <si>
    <t>Aterektomické tepnové katétrové systémy - aterektomické katétre určené na kontrolovanú direktnú excíziu a odstráňovanie chronických aj vysoko kalcifikovaných excentrických ako aj koncentrických plátov z tepien – debulking liečbu. Katétre sú poháňané motorčekom, optimálne v rozsahu 9 - 14 tisíc otáčkami /minútu. Potrebná je dostupnosť širokej škály aterektomických katétrov určených do ciev s priemerom nad 3 mm a 6 alebo 7 F kompatibilitou zavádzača.</t>
  </si>
  <si>
    <t>Kompatibilná pohonná jednotka, s ktorou sa spája aterektomický katéter z položky č. 1, vnútorne napájaná pomôcka poháňaná batériou alebo napájaním zo zdroja, zkonštruovaná na pohon smerovacieho aterektomického katétra. Uvedenú pohonnú jednotku je možné použiť iba s príslušným kompatibilným aterektomickým katétrom.
Verejný obstarávateľ bude akceptovať aj batériou poháňanú jednotku na jedno použitie, ktorá je súčasťou systému.</t>
  </si>
  <si>
    <t>Položka č. 2 - Kompatibilná pohonná jednotka</t>
  </si>
  <si>
    <t>Položka č. 1 - Aterektomické katétrové systémy</t>
  </si>
  <si>
    <t xml:space="preserve">Časť č. 35 - Aterektomický systém  </t>
  </si>
  <si>
    <t>Časť č. 36 - Kombinovaný aterektomicko-trombektomický systém</t>
  </si>
  <si>
    <t xml:space="preserve">Požadované sú intravaskulárne katétre určené na liečbu kombinovaných tepnových lézií, umožňujú rotačnú aterektómiu a trombektómiu za aktívnej aspirácie.  Sú určené na liečbu uzáverov horných aj dolných končatín.                </t>
  </si>
  <si>
    <t>Položka č. 1 -  Aterektomicko-trombektomické katétre s aktívnou aspiráciou</t>
  </si>
  <si>
    <t xml:space="preserve">Požadované sú špeciálne aterektomicko-trombektomické katétre s aspiračnou funkciou určené aj na kalcifikované lézie na liečbu rôznych priemerov tepien – minimálne v rozmedzí priemerov tepien medzi 3 – 4.5 mm,  v dĺžke katétrov minimálne 90cm, kompatibilné so 6 alebo 7 F zavádzačom a 0.014´´ alebo 0,035" vodičom. Katétre sú určené na ošetrenie kombinovaných lézií tepien na horných a dolných končatinách. Sú poháňané externou kompatibilnou konzolou k aterektomickému systému alebo batériou poháňanou jednorázovou jednotkou, ktorá je súčasťou systému. </t>
  </si>
  <si>
    <t>Položka č. 2 - Kompatibilné vodiče k aterektomicko-trombektomickým katétrom</t>
  </si>
  <si>
    <t>Požadované kompatibilné vodiče o veľkosti 0.014´´ alebo 0.035´´ ak su nevyhnutné k použitiu katétra, v dĺžke 260-300 cm s ohybnou špičkou s rovným zakončením, v dlhom/krátkom prevedení špičky vodiča.
Verejný obstrávateľ bude akceptovať ponuku aj bez špeciálneho vodiča, ak to systém nepožaduje.</t>
  </si>
  <si>
    <t>Časť č. 37 - Hybridný aterektomický systém</t>
  </si>
  <si>
    <t>Požadujeme hybridný endovaskulárny aterektomický rekanalizačný systém, určený na rekanalizáciu závažných kalcifikovaných zúžení infrainguinálnych tepien dolných končatín, vrátane vnútornej stehnovej tepny a tepien nohy, technikou debulking. Systém je určený na špeciálny kompatibilný 0.014´´ vodič, katétre majú šírku medzi 1.8 – 2.4 mm vrátane a kompatibilné s 5 – 7 F zavádzačom. Systém nevyžaduje použitie dodatočnej distálnej protekcie, je jednorázový, katéter musí pracovať na zabudovanú batériu, nevyžaduje prítomnosť dodatočnej riadiacej jednotky.</t>
  </si>
  <si>
    <t>Položka č. 1 -  Aterektomický katéter</t>
  </si>
  <si>
    <t>Jednorázový batériou poháňaný aterektomický katéter s priemerom katétra 1.8 a 2.2 mm a v dĺžke 130 a 149 cm a priemerom 2.4mm v dĺžke 127 a 130 cm.</t>
  </si>
  <si>
    <t>Kompatibilná pohonná jednotka, s ktorou sa spája aterektomický katéter z položky č. 1, vnútorne napájaná pomôcka poháňaná batériou alebo napájaním zo zdroja, zkonštruovaná na pohon smerovacieho aterektomického katétra. Uvedenú pohonnú jednotku je možné použiť iba s príslušným kompatibilným aterektomickým katétrom.</t>
  </si>
  <si>
    <t xml:space="preserve">Položka č. 2 - Kompatibilný 0.014´´ vodič </t>
  </si>
  <si>
    <t>Požadujeme 0,014” vodič s nitonolovým jadrom, v dĺžke minimálne 300 cm, vhodný na ľahký support, optimálne typ floopy bez PTFE.</t>
  </si>
  <si>
    <t>Časť č. 38 - Mechanická trombektómia</t>
  </si>
  <si>
    <t xml:space="preserve">Požadujeme ŠZM kompatibilný k riadiacej jednotke Straub Medical Drive Systém,  2 typy aspiračno - trombektomických katétrov s určením na tepnový aj žilový systém. Katétre sa používajú na odstránenie akútnych, subakútnych, ale aj chronických aterotrombotických alebo embolotrombotických uzáverov cievneho systému s extrakciou uzáverového materiálu z tela pacienta. </t>
  </si>
  <si>
    <t xml:space="preserve">Položka č. 1 -  Trombektomický katéter typ č. 1 </t>
  </si>
  <si>
    <t>Mechanický trombektomický katéter kompatibilný s riadiacou jednotkou Straub Medical Drive System na čerstvé a organizované tromby (do 6 mesiacov), schopný oddelenia, sania, fragmentácie a transportu uzáverových hmôt z postihnutej oblasti, vyžaduje sa minimálne v dvoch priemeroch katétrov a to  6 a 8 F,  na priemer tepny 3-8 mm na antegrádny alebo cross-over prístup, vo veľkostiach 6 F a dĺžke 110 cm a 135 cm a 8 F v dĺžke 85 cm a 110 cm, katétre musia mať kontinuálne mechanické sanie, OTW technológiu na 0.018´´vodič s funkciou, použitie katétrov na tepnový systém.</t>
  </si>
  <si>
    <t xml:space="preserve">Položka č. 2 - Trombektomický katéter typ č. 2 </t>
  </si>
  <si>
    <t xml:space="preserve">Mechanický trombektomický katéter kompatibilný s rovnakou riadiacou jednotkou na čerstvé tromby (do 2 týždňov), schopný sania, fragmentácie a transportu uzáverových hmôt, vyžaduje sa vo veľkostiach  6 - 10 F, na ošetrenie ciev priemeru 3 - 12 mm, na antegrádny alebo cross-over prístup, vo veľkostiach 6 F a dĺžke 110 cm a 135 cm, 8 F v dĺžke katétra 85 cm a 110 cm, 10 F v dĺžke 110 cm, sanie musí byť kontinuálne, OTW technológia, použitie katétrov schopné výkonu na tepnovom aj žilovom systéme. </t>
  </si>
  <si>
    <t>Časť č. 39 - Intravaskulárna litotripsia</t>
  </si>
  <si>
    <t xml:space="preserve">Intravaskulárne katétre kombinujú efekt PTA angioplastiky a ultrazvuku, ktoré zabezpečujú minimalizáciu traumy cievnej steny selektívnou fraktúrou kalcifikátov v intime a medií cievnej steny. Výsledok liečby minimalizuje použitie stentov v periférnych tepnách. </t>
  </si>
  <si>
    <t>Položka č. 1 -  Intravaskulárne litotriptické katétre</t>
  </si>
  <si>
    <t>Požadované endovaskulárne periférne litotriptické katétre určené na nízkotlakovú balónikovú dilatáciu kalcifikovaných stenotických periférnych tepien. Požadujeme priemery balónikov vo veľkostiach medzi a vrátane 3.5 – 8 mm.</t>
  </si>
  <si>
    <t>Katétre musia byť určené na liečbu kalcifikovaných lézií periférnych tepien, konkrétne použitie na ilické riečisko, spoločnú femorálnu tepnu, femoro-popliteálnu oblasť a tepny predkolenia.</t>
  </si>
  <si>
    <t>Katétre musia byť kompatibilné k riadiacej jednotke – generátoru, ku ktorému sa napájajú magnetickým pripojovacím kábelom, ktorý je súčasťou generátora.</t>
  </si>
  <si>
    <t>Musia byť kompatibilné so 6 F zavádzačom do veľkosti 7 mm, pracovať s 1 - 2 impulzami za sekundu.</t>
  </si>
  <si>
    <t>Časť č. 40 - EKOS katétre</t>
  </si>
  <si>
    <t>Špeciálne trombolytické katétre kompatibilné s prenosnou 2-kanálovou jednotkou, určené na lokalizované podávanie trombolytickej liečby s ultrazvukovou akceleráciou účinku trombolytika na zrazeninu. Katétre možné použiť v arteriálnom aj venóznom systéme a rovnako na liečbu akútnej masívnej aj obojstrannej pľúcnej embólie. Uvedená metodika podstatne zrýchľuje resp. skracuje dobu trombolýzy a znižuje množstvo použitého trombolytika a tým znižuje možné krvácajúce komplikácie trombolýzy.</t>
  </si>
  <si>
    <t>Položka č. 1 -  EKOS katétre</t>
  </si>
  <si>
    <t xml:space="preserve">Katétre k ultrazvukom potencovanej trombolýze: Požadujeme špeciálne trombolytické katétre kompatibilné s prenosnou 2-kanálovou jednotkou, určené na lokalizované podávanie trombolytickej liečby s ultrazvukovou akceleráciou účinku trombolytika na zrazeninu. Katétre musia byť použiteľné v arteriálnom aj venóznom systéme a rovnako na liečbu akútnej masívnej aj obojstrannej pľúcnej embólie. Katétre musia byť samostatné ŠZM, napajateľné na kompatibilnú 2-kanálovú riadiacu jednotku. 
Katétre sú požadované v pracovnej dĺžke 106 a 135 cm. Liečebné zóny musia byť v dĺžke: 6, 12, 18, 24, 30, 40 a 50 cm. Musia byť kompatibilné s 0.035‘‘vodičom a 6 F sheathom.
Samotný katéter je zložený z katétra, ktorým preteká trombolytikum a chladiaci roztok a katétra s ultrazvukovými meničmi. Ultrazvukové musia byť generované s rôznou amplitúdou a dĺžkou trvania pre ideálne rozrušenie trombu, do ktorého sa následne efektívnejšie dostáva trombolytikum.  
</t>
  </si>
  <si>
    <t>Časť č. 41 - RDN - Renálna denervácia</t>
  </si>
  <si>
    <t xml:space="preserve">Požadovaný kompletný denervačný set, obsahujúci súpravu renálnych katétrov a vodiča na renálnu denerváciu, je určený na prenos rádiofrekvečnej energie cez stenu obličkovej tepny pri nízkych rádiofrekvenčných výkonoch s cieľom denervovať obličku pacienta. </t>
  </si>
  <si>
    <t>Položka č. 1 -  Súprava katétrov na renálnu denerváciu</t>
  </si>
  <si>
    <t xml:space="preserve">Kompletný denervačný set – musí obsahovať súpravu katétrov na renálnu denerváciu, ktoré pozostávajú z denervačného katétra s viacerými elektródami a z vodiacich katétrov, cez ktoré sa zavádza samostatný denervačný katéter a zároveň vodiaci drôt, po ktorom sa zavádza denervačný katéter. Zavádzacie katétre a vodič musia byť určené na intervencie v koronárnom aj periférnom tepnovom systéme.                                                                                 </t>
  </si>
  <si>
    <t>Denervačný katéter musí obsahovať distálne 4 špirálovito uložené elektródy s indikáciou použitia na renálnu denerváciu, s ošetrením ciev v šírke priemeru medzi a vrátane 3 – 8 mm a musí byť kompatibilný s rádiofrekvenčným generátorom Symplicity G3.  Katéter musí byť kompatibilný s vodiacim drôtom priemeru 0,36mm, teda 0.014´´, vodič nesmie obsahovať hydrofílnu vrstvu. Vodiace katétre musia byť 6F a prisposobené na sondáž renálnych tepien obojstranne.</t>
  </si>
  <si>
    <t>Časť č. 42 - Re-entry katéter</t>
  </si>
  <si>
    <t>Re-entry zariadenie slúži pri rekanalizácií chronických uzáverov v tepnovom systéme na návrat zo subintimálneho priestoru cievy do intraluminálneho priestoru.</t>
  </si>
  <si>
    <t>Položka č. 1 -  Re-entry katéter</t>
  </si>
  <si>
    <t>Vyžaduje sa re-entry resp. kombinovaný crossing a re-entry flexibilný a zároveň dostatočne tuhý katéter s oceľovou alebo nitinolovou ihlou na prechod – návrat do pravého lúmenu cievy, zo subintimálneho priestoru. Musí byť do 6 F veľkosti ( vrátane ), kompatibilný na 0.014‘‘ alebo  0.018‘‘vodič, s možnou antegrádného aj retrográdneho prístupu a schopný aj cross-over intervencie. Musí byť v dvoch dĺžkach, medzi 80 – 120 cm.</t>
  </si>
  <si>
    <t>Časť č. 43 - Štandardné aortálne stentgrafty a príslušenstvo</t>
  </si>
  <si>
    <t xml:space="preserve">Požadovaný ŠZM určený na bežnú intervenčnú liečbu periférnych tepien končatín, kompletný výber PTA a DCB PTA katétrov a rovnako výber samo-expandovateľných stentov na ošetrenie rozsiahleho postihnutia tepnového systému končatín. </t>
  </si>
  <si>
    <t>Položka č. 1 - Hrudný stentgraft</t>
  </si>
  <si>
    <t>Hrudný stentgraft s crossing hydrofilným profilom (D) 22-25 F, s proximálnym aj distálnym diametrom v rozmedzí vrátane 22 - 46 mm a dĺžkou minimálne v rozmedzí 100 - 200 mm v rovnom prevedení a v zužujúcom prevedení s proximálnym diametrom stentgraftu v rozmedzí vrátane 26 - 46mm a distálnym diametrom v rozmedzí vrátane 22 - 42 mm, v dĺžke 150 mm a rovné stentgrafty s distálnym kotviacim prstencom v diametroch 22 - 46 mm v dĺžke 100 cm. Stentgrafty musia mať jednoduché vypúšťanie otočnou rukoväťou, nitinolovú koncepciu s dobrou radiálnou silou na adekvátnu priľnavosť a tesnenie graftu."</t>
  </si>
  <si>
    <t>Položka č. 2 - Brušný stentgraft – bifurkačný  (telo brušného stentgraftu)</t>
  </si>
  <si>
    <t>Brušný stentgraft s nízkoprofilovým diametrom v priečnom priemere graftu v rozmedzí a vrátane 23 mm a 36 mm  a dĺžkou tela graftu v rozmedzí vrátane 103 mm a 166 mm, pri minimálnej dĺžke kŕčku 10 mm a max. infrarenálnej angulácii 75° s možnosťou kombinácie rotačného pohybu a ťahu pri fixácii stentu/stentgraftu</t>
  </si>
  <si>
    <t>Položka č. 3 - Brušný stentgraft - predĺžovacie nožičky (kontralaterálne extenzie)</t>
  </si>
  <si>
    <t>Musia byť kompatibilné s položkou č. 2,  kontralaterálne extenzie - slúžia na predĺženie a fixáciu hlavného tela stentgraftu v pánvových tepnách,  požadujeme stentgrafty v diametroch proximálneho priemeru 16 mm a distálneho priemeru v rozmedzí vrátane 10 - 28 mm a v dĺžkach v rozmedzí vrátane 82 -199 mm.</t>
  </si>
  <si>
    <t xml:space="preserve">Položka č. 4 - Brušný stentgraft – predĺžovacie nožičky (pánvové extenzie) </t>
  </si>
  <si>
    <t xml:space="preserve">Musí byť kompatibilný s položkou č. 2,  pánvové extenzie - slúžia na dodatočné predĺženia a fixáciu ipsilaterálneho ramena hlavného tela stentgraftu, ako aj na dodatočné predĺženie kontralaterálnej nožičky v pánvových tepnách, požadujú sa kompatibilné stengrafty v diametroch priemeru v rozmedzí vrátane 10 - 28 mm a dĺžkach 82 mm. </t>
  </si>
  <si>
    <t>Položka č. 5 - Brušný stentgraft - brušná extenzia</t>
  </si>
  <si>
    <t>Musí byť kompatibilný s položkou č. 2,  slúži na dodatočné predĺženie a fixáciu hlavného tela stentgraftu v oblasti proximálneho krčka aorty, na prevenciu resp. liečbu endoleaku I, požaduje sa vo veľkostiach priečneho diametra stentgraftu v rozmedzí vrátane 23 - 36 mm a dĺžky graftu 49 mm.</t>
  </si>
  <si>
    <t>Položka č. 6 -  Brušný stentgraft – aortálny tubus</t>
  </si>
  <si>
    <t>Musí byť kompatibilný s položkou č. 2,  slúži na dodatočné predĺženie a fixáciu hlavného tela stentgraftu v oblasti krčka aneuryzmy, resp. na prekrytie fokálnej lézie brušnej aorty, ak sa nevyžaduje implantácia bifurkačného stentgraftu, požaduje sa vo veľkostiach priečneho diametra stentgraftu v rozmedzí vrátane 23 - 36 mm a dĺžky graftu 70mm</t>
  </si>
  <si>
    <t xml:space="preserve">Položka č. 7 -  Brušný stentgraft - Aorto-Uni-Iliakálny stentgraft (AUI) </t>
  </si>
  <si>
    <t>7.1</t>
  </si>
  <si>
    <t xml:space="preserve">Slúži ako hlavné telo stentgraftu, pri nemožnosti využitia rozdvojenej konfigurácie hlavného tela stentgraftu z rôznych anatomických a chorobných zmien v aorto-iliakálnej oblasti. 
V požadovaných situáciach sa kombinuje s použitím okludera,  požaduje sa vo veľkostiach priečneho diametru, v rozmedzí vrátane 23 - 36 mm s dĺžkou pokrytia 102 mm </t>
  </si>
  <si>
    <t>Položka č. 8 - Fixačný systém na hrudný a brušný stentgraft</t>
  </si>
  <si>
    <t>8.1</t>
  </si>
  <si>
    <t>Požaduje sa systém určený na zabezpečenie fixácie a utesnenia medzi endovaskulárnymi stentgraftami a natívnou tepnou na riešenie resp. prevenciu endoleaku I, s vonkajším priemerom zavádzača 16F a 18F, pracovnou dĺžkou 62 cm a 90 cm . Systém slúži na rozšírenie radiálnej fixácie alebo utesnenie a na opätovné získanie alebo udržanie adekvátnej separácie aneuryzmy, u pacientov, ktorých stentgrafty už preukázali pohyb alebo vnútorné presakovanie, alebo im hrozí riziko takých komplikácii. Systém sa skladá zo skrutiek-kotvy, uložené v kazete, vodič s obturatorom a aplikátora.</t>
  </si>
  <si>
    <t>Položka č. 9 - Zavádzače</t>
  </si>
  <si>
    <t>Položka č. 10 - PTA balón</t>
  </si>
  <si>
    <t>9.1</t>
  </si>
  <si>
    <t>Hydrofílne flexibilné zavádzače so superioritou na hemostázu, kink rezistentné s veľkosťou od 12 F do 26 F a pracovnou dĺžkou 28 cm, určené na ľahkú manipuláciu a implantáciu aortálnych stentov a stentgraftov</t>
  </si>
  <si>
    <t>10.1</t>
  </si>
  <si>
    <t>Compliantný PTA balón s použitím na hrudný aj brušný stentgraft, s modelingom endograftu, s minimálnym rizikom traumy cievy, možnosťou dočasnej blokády toku vo veľkých cievach s diametrom balóna v rozmedzí 10 mm - 46 mm, kompatibilný s 12F zavádzačom, so spoľahlivou  expanziou aj pri opakovaných infláciách a defláciách.</t>
  </si>
  <si>
    <t>Časť č. 45 -  Extraktory/snare</t>
  </si>
  <si>
    <t>Požadujeme extraktory – slučky na odstránenie endovaskulárne zavedených dočasných materiálov resp. poškodených materiálov. 
Požadujeme extraktory – slučky v tvare jednoduchej slučky a zároveň v tvare multi-snare. Extraktory slúžia k odstráneniu dočasných materiálov – napr. kaválnych filtrov, ako aj poškodených častí ŠZM</t>
  </si>
  <si>
    <t>Položka č. 1 -  1-slučka</t>
  </si>
  <si>
    <t xml:space="preserve">Musí pozostávať z 1 slučky, nitinolová konštrukcia, musí byť flexibilná a kink rezistentná. Slučky musia mať široký rozsah záchytných priemerov, požadujeme minimálne medzi a vrátane 5 – 35 mm, optimálne vo viacerých dĺžkach shaftov, minimálne v rozsahu 65 – 120 cm. </t>
  </si>
  <si>
    <t xml:space="preserve">Položka č. 2 - Multi-slučka </t>
  </si>
  <si>
    <t>Musí pozostávať z minimálne 3 nitinolových slučiek, ktoré zabezpečia lepší priestorový záchyt. Slučky musia mať široký rozsah záchytných priemerov, požadujeme minimálne medzi a vrátane 5 – 45 mm, optimálne vo viacerých dĺžkach shaftov, minimálne v dĺžke 120 cm.</t>
  </si>
  <si>
    <t>Časť č. 46 - ŠZM zamerané prevažne na transradiálny prístup intervencie</t>
  </si>
  <si>
    <t>Požadovaný špeciálny zdravotnícky materiál so zameraním na intervencie periférnych tepien s radiálnym prístupom, vrátane ŠZM na dlhom shafte a Rx koncepcie, požadujeme nízkoprofilové radiálne zavádzače, vodiče, podporné katétre a miktokatétre, špeciálny dvojvrstvový samo-expandibilný stent a nízkoprofilové PTA katé.</t>
  </si>
  <si>
    <t>Položka č. 1 - PTA katétre na 0.018´´ vodič (Rx)</t>
  </si>
  <si>
    <t>PTA katétre kompatibilné so 4 - 6 F zavádzačmi, na 0.018´´ vodiče,  nízko-profilové, semi-compliantné s hydrofílným coatingom, RX koncepcie, s vysokou flexibilitou, priemerom balóna medzi a vrátane 2 - 8 mm a dĺžkou vybraných balónou medzi a vrátane 40 - 150 mm určené na ošetrenie periférnych tepien transbrachiálnym resp. transradiálnym prístupom, resp. crossover prístupom - pri efektívnej dĺžke shaftu katétra 150 cm.</t>
  </si>
  <si>
    <t>Položka č. 2 - PTA katétre na 0.018´´ vodič (OTW)</t>
  </si>
  <si>
    <t>PTA katétre kompatibilné so 4 – 5 F zavádzačmi, na 0.018´´ vodiče, OTW koncepcie, indikované ilio-femorálnu, popliteálnu, infra-popliteálnu oblasť tepien, na renálne tepny a dilatáciu dialyzačných AVF, na ošetrenie natívnych stenóz ako aj na postdilatáciu stentov. Musia byť nízkoprofilové, v priemere medzi a vrátane 2.0-6.0 mm a v dĺžke medzi a vrátane 20-200 mm, v dĺžkach shaftov 90 a 150 cm.</t>
  </si>
  <si>
    <t>Položka č. 3 - Podporný katéter</t>
  </si>
  <si>
    <t>Excelentný support katéter s možnosťou dĺžky aj 150 cm, excelentná priechodnosť, koniec rovný resp. v ohybe 30 st. a v dĺžkach medzi a vrátane 65 - 150 cm, kompatibilný s 0,035´´ vodičom a 4 F zavádzačom, distálne s hydrofílnym coatingom.</t>
  </si>
  <si>
    <t>Položka č. 4 - Radiálne nízkoprofilové zavádzače</t>
  </si>
  <si>
    <t xml:space="preserve">Transradiálne hydrofílne zavádzače 5, 6 a 7 F kompatibility, optimálne aj na použitie do gracilnejších radiálnych tepien s minimálnym rizikom poškodenia a uzáverov radiálnych tepien s unikátnou tenskostennou koncepciou sheathu, s redukciou vonkajšieho a zachovaním vnútorného diametra zavádzača v dĺžkach 10 a 16 cm, dodávané s dilatátorom, vodičom a punkčnou ihlou. </t>
  </si>
  <si>
    <t>Položka č. 5 - Mikrokatéter</t>
  </si>
  <si>
    <t xml:space="preserve">Mikrokatéter s vynikajúcou priechodnosťou, navigáciou a podporou v zhoršených anatomických pomeroch s hydrofílnym povlečením. Vyžaduje sa vo veľkostiach minimálne a vrátane medzi 2,4 - 2,8 F a v dĺžkach 110cm-150cm, s možnosťou transradiálnej intervencie, kompatibilný na 0.018´´-0.021´´ embolizačný materiál a koaxiálny mikrokatéter vo veľkostiach 2,7 a 2,8 F. </t>
  </si>
  <si>
    <t>Položka č. 6 -  Dvoj-vrstvový samo-expandibilný špeciálny stent ( micromesh )</t>
  </si>
  <si>
    <t>Špeciálny dvoj-vrstvový karotický samo-expandibilný nitinolový stent ( micromesh ) s konštrukciou open aj closed cell dizajnom, s maximálnou protekciou prechodu plaque a embolu cez stent do lúmenu, 5 F a 0.014´´ kompatibilný, ideálny na primárny stenting, vhodný aj na tortuóznu anatómiu.</t>
  </si>
  <si>
    <t>Položka č. 7 -  0.014´´ a 0.018´´ extra tuhé vodiče</t>
  </si>
  <si>
    <t>Extra tuhé vodiace vodiče určené na diagnostickú alebo intervenčnú procedúru s priemerom 0.014´´ a 0.018´´, v dĺžkach 180 cm a 300 cm, distálne potiahnuté hydrofílnym povlakom v dĺžke minimálne 20 cm, marker musí byť umiestnený v špičke vodiča, ktorá musí byť flexibilná, minimálne v dĺžke 1 cm,  zahnutie špičky musí byť minimálne 35 stupňov.</t>
  </si>
  <si>
    <t>Časť č. 47 -  Špeciálne dlhé DCB balóny 0.035´´</t>
  </si>
  <si>
    <t xml:space="preserve">Špeciálne DCB balóny s nízkym crossing profilom v dĺžke 250 mm,  s obsahom liečiva paclitaxel. Požadujeme balóny kompatibilné na 0.035´´ vodič.  </t>
  </si>
  <si>
    <t>Položka č. 1 -  Špeciálne dlhé DCB balóny 0.035´´</t>
  </si>
  <si>
    <t>Požadujeme špeciálne nízkoprofilové DCB balóny kompatibilné s 0.035´´ vodičom, OTW koncepcie, určené na periférne tepny s indikáciou na femoropopliteálnu oblasť k liečbe de novo, restenóz alebo in stent-restenóz.  Požadované balóny musia byť kompatibilné podľa veľkosti a typu s 5 alebo 6 F zavádzačom, balóny musia byť nízkoprofilové, môžu byť semi-compliantné, musia byť OTW koncepcie a obsahovať paclitaxel. Balóny musia byť v priemere minimálne medzi a vrátane 4 – 6 mm a v dĺžke 250 mm, kratšie rozmery môžu byť doplnkové, musia obsahovať liečivo paclitaxel.</t>
  </si>
  <si>
    <t>Časť č. 48 -  DES samo-expandovateľné stenty ( sirolimus / amphilimus )</t>
  </si>
  <si>
    <t>Požadované sú samo-expandovateľné liekom povlečené stenty ( modifikovaným sirolimom ) určené primárne na infrainguinálne ošetrenie periférnych tepien.</t>
  </si>
  <si>
    <t>Položka č. 1 -  DES samo-expandovateľné stenty ( sirolimus / amphilimus )</t>
  </si>
  <si>
    <t>Liekom (amphilimus) poťahované „polymer free“ nitinolové samo-expandovateľné stenty určené na liečbu primárne femorálnej oblasti, kompatibilné s 0.035´´vodičom a 6F zavádzačom, OTW koncepcie, minimálne v rozmedzí a vrátane priemeru stentu medzi a vrátane 6 - 8 mm a dĺžky v rozsahu minimálne a vrátane 20 - 150 mm ( konkrétne minimálne v dĺžke 20, 60, 80, 100, 150 mm )</t>
  </si>
  <si>
    <t>Časť č. 49 - ŠZM na akútne neurointervencie zamerané prevažne na aspiračné metódy</t>
  </si>
  <si>
    <t>Položka č. 1 - Sondovacie selektívne katétre</t>
  </si>
  <si>
    <t xml:space="preserve">Katétre určené na sondáž mozgových tepien vo veľkosti 5 alebo 6 Fr v dĺžke od 120 do 130 cm typu Ber a H 1, SIM a SIM-V. Požadujeme aj katéter pre intrakraniálny prístup. </t>
  </si>
  <si>
    <t>Položka č. 2 - Intrakraniálne mikrokatétre</t>
  </si>
  <si>
    <t>Určený na neurointervečné zákroky ako podporný katéter aj pri použití stentretrieverov, požadujeme dĺžku 160 cm a proximálny a distálny vnútorný diameter o veľkosti 0.025´´.</t>
  </si>
  <si>
    <t>Položka č. 3 - Odsávací systém katétre na proximálny uzáver</t>
  </si>
  <si>
    <t xml:space="preserve">Katétre určené na intrakraniálne odsávanie uzáverov - trombov tepien, musí mať od 0.068´´ do 0.072´´, vonkajší priemer sacieho otvoru musí mať do 2.16 mm, optimálna dĺžka katétra musí byť minimálne 130 cm.     </t>
  </si>
  <si>
    <t>Položka č. 4 - Odsávací systém katétre na distálny uzáver</t>
  </si>
  <si>
    <t>Katétre určené na intrakraniálne odsávanie distálnych uzáverov - trombov malých priemerov tepien, musí mať vonkajší diameter do 1,93 mm, dlžku katétra minimálne 130 cm, optimálny aj pre tortuóznu anatómiu, ditálny vnútorný diameter do 0.076".</t>
  </si>
  <si>
    <t>Položka č. 5 - Odsávací systém - aspiračná tuba</t>
  </si>
  <si>
    <t xml:space="preserve">Požadujeme kompatibilné aspiračné tuby - na spojenie odsávacieho katétra a samotnej odsávacej pumpy. </t>
  </si>
  <si>
    <t>Položka č. 6 -  Odsávací systém - kanister</t>
  </si>
  <si>
    <t>Požadujeme kompatibilný kanister kompatibilný s odsávacou pumpou.</t>
  </si>
  <si>
    <t>Položka č. 7 - 8/6 F dlhý neurovaskulárny sheath</t>
  </si>
  <si>
    <t xml:space="preserve">Požadujeme dlhý sheath na neurointervencie s veľkosťou lúmenu 0.088´´ ( 2.24 mm ), proximálna časť musí byť 8 F a koncová časť 6 F kompatibilná. Koncová časť časť musí byť prispôsobená na suppport v aortálnom oblúku, musí byť atraumatická. Sheath musí byť kombatibilný s 0.035´´ vodičom a v dĺžkach medzi a vrátane 80 – 100 cm. </t>
  </si>
  <si>
    <t>Časť č. 50 - ŠZM na neurointervencie zamerané prevažne na revaskularizačné stenty, mikrokatétre a intrakraniálne coily</t>
  </si>
  <si>
    <t>Požadujeme špeciálny zdravotnícky materiál na komplexné neurointervencie, vrátane odpútateľného a neodpútateľného stent-retrieveru, intrakraniálného lepidla, coilov a kompatibilných mikrokatétrov na ošetrenie prevažne akútnych neurointervencií.</t>
  </si>
  <si>
    <t>Položka č. 1 - Odpútateľný neurovaskulárny remodelačný stent</t>
  </si>
  <si>
    <t>Požadovaný odpútateľný remodelačný a revaskularizačný neurovaskulárny stent s možnosťou použitia pri mechanickej trombectómii intrakraniálnej tepny ako aj indikácie remodelácie tepny pri ponechaní stentu ( odpútaním ) v indikovanej lézií tepny.</t>
  </si>
  <si>
    <t>Položka č. 2 - Odpútavací kábel</t>
  </si>
  <si>
    <t>Požadované kompatibilné odpútavacie káble na uvoľnenie revaskularizačného / remodelovacieho stentu.</t>
  </si>
  <si>
    <t>Položka č. 3 - Revaskularizačný stent</t>
  </si>
  <si>
    <t xml:space="preserve">Požadovaný revaskularizačný stent: stent-retriever na odstránenie akútnych trombotických resp. embolizačných uzáverov arteria cerebri media úsekov M1/2, arteria cerebri anterior, arteria basilaris, arteria vertebralis. Musí obsahovať platinové markery na lepšiu viditeľnosť, je určený na liečbu priemerov tepien od 2 – 5,5 mm, musí byť v priemere stentu 4 a 6 mm a pri priemere 6 mm musí mať dĺžku stentu 40 mm. </t>
  </si>
  <si>
    <t>Položka č. 4 - Intrakraniálny support katéter</t>
  </si>
  <si>
    <t>Požadovaný intrakraniálny support katéter v prevedení 5 F straight a 6 F straight a multi-purpose a dĺžkach minimálne medzi a vrátane 105 – 130 cm.</t>
  </si>
  <si>
    <t>Položka č. 5 - Balónikový vodiaci katéter</t>
  </si>
  <si>
    <t>Požadovaný balónikový vodiaci katéter kompatibilný so zavádzačom 7 -9 F s efektívnou dĺžkou katétrov minimálne 92 cm, určené na oklúziu tepien pri revaskularizácií.</t>
  </si>
  <si>
    <t>Položka č. 6 -  Tekuté neadhezívne embolizačné činidlo</t>
  </si>
  <si>
    <t>Požadované tekuté neadhezívne embolizačné činidlo vo viskozite s  koncentráciou EVOH ( ethylén vinyl alkohol ) 6.5 %</t>
  </si>
  <si>
    <t>Položka č. 7 -   Mikrokatétre na tekuté embolizačné činidlo</t>
  </si>
  <si>
    <t xml:space="preserve">Požadované mikrokatétre na tekuté embolizačné činidlo, vrátane mechanicky odpútateľných špičiek katétra minimálne v dĺžke špičiek 1,5 a 3 cm. </t>
  </si>
  <si>
    <t>Položka č. 8 - Odpútateľné intrakraniálne coily</t>
  </si>
  <si>
    <t>Požadované odpútateľné intrakraniálne platinové coily, veľkosti od 0,01 do 0,018 vrátane 3D technológie, v supersoft a extrasoft prevedení aj s PGLA technológiou, vybrané coily od veľkosti priemeru 1 – 25 mm a vybrané coily v dĺžkach od 1 do 50 cm.</t>
  </si>
  <si>
    <t>Položka č. 9 - Mikrokatétre na implantáciu coilov a stentov ( stent-retrieverov ) - typ A</t>
  </si>
  <si>
    <t>Požadované mikrokatétre na implantáciu širokej škály intrakraniálnych coilov, v rôznych dĺžkach a priemeroch, minimálne v rozmeroch vnútorného priemeru 0.017´´, 0.021´´ a 0.027´´.</t>
  </si>
  <si>
    <t>Položka č. 10 - Mikrokatétre na implantáciu coilov a stentov ( stent-retrieverov ) - typ B</t>
  </si>
  <si>
    <t xml:space="preserve">Požadované mikrokatétres vnútorným priemerom 0.027´´ v dĺžkach medzi a vrátane 105 – 160 cm. </t>
  </si>
  <si>
    <t>Časť č. 51 - ŠZM na neurointervencie zamerané prevažne na intrakraniálne katétre a tekuté embolizačné činidlo</t>
  </si>
  <si>
    <t xml:space="preserve">Špeciálny zdravotnícky materiál so zameraním na akútne neurointervenčné výkony, požadovaný stent-retriever 
špeciálnej koncepcie, intrakraniálne katétre určené na distálny prístup a na aspiračnú trombektómiu pri intrakraniálnych uzáveroch a podporné mikrokatétre a intrakraniálne nekovové lepidlo (činidlo). </t>
  </si>
  <si>
    <t>Položka č. 1 - Stent-retriever</t>
  </si>
  <si>
    <t>Požadované extrakčné trombektomické intrakraniálne zariadenie s petálnym filtrom, pozostávajúce z 3 až 5 samostatných segmentov ( komôrok ), v priemeroch minimálne v rozmedzí 3 – 6 mm a v rôznych dĺžkach.</t>
  </si>
  <si>
    <t xml:space="preserve">Položka č. 2 - Intrakraniálny katéter na distálny prístup 5 F </t>
  </si>
  <si>
    <t>Požadovaný katéter na distálny prístup, musí mať špirálovitú konštrukciu a externý výplet, vnútorný diameter musí mať minimálne 0.070´´ a v celkových dĺžkach od 125 do 131 cm. Kompatibilný s 5 F zavádzačom.</t>
  </si>
  <si>
    <t xml:space="preserve">Položka č. 3 - Intrakraniálny katéter na distálny prístup 6 F </t>
  </si>
  <si>
    <t>Požadovaný katéter na distálny prístup, musí mať špirálovitú konštrukciu a externý výplet, vnútorný diameter musí mať 0.055´´ a v celkových dĺžkach od 105 do 125 cm. Kompatibilný so 6F zavádzačom.</t>
  </si>
  <si>
    <t>Položka č. 4 - Mikrokatéter</t>
  </si>
  <si>
    <t>Požadovaný intrakraniálny mikrokatéter s hydrofílnym poťahom, vnútorný priemer musí mať diameter rozmer od 0,017´´ do 0,027´´, musí mať využiteľnú celkovú dĺžku 150 až 167 cm, v rôznych zakriveniach, musí mať jednu resp. dve fluoroskopické značky na distálnom konci.</t>
  </si>
  <si>
    <t xml:space="preserve">Položka č. 5 - Intrakraniálne tekuté embolizačné činidlo </t>
  </si>
  <si>
    <t>Požadované tekuté embolizačné činidlo určené na intrakraniálne ako aj periférne použitie, musí byť dostupné vo viskozitách 25, 30 a 35%, činidlo sa nesmie pripravovať ( možnosť okamžitého použitia bez nutnosti miešania ), nesmie mať pridané kovy.</t>
  </si>
  <si>
    <t>Požadujeme ŠZM prevažne na akútne neurointervencie, so zameraním na neurointervenčné vodiče, kompatibilné mikrokatétre, balónkové aj nebalónkové vodiace katétre nevyhnutné pre mechanickú trombektomickú liečbu STROKE a stentového systému s PTA balónikovým systémom, ktorý je nevyhnutný pri ošetrení sklerotickej lézie v intrakrániu, pri návrate ischemickej cievnej príhody.</t>
  </si>
  <si>
    <t>Položka č. 1 - Neurointervenčné vodiče</t>
  </si>
  <si>
    <t>Neurointervenčné riaditeľné zavádzacie vodiče oceľovej konštrukcie s nitinolom a špičkou obsahujúcou platinu, v dĺžkach 300 cm a rovnom alebo zakrivenom zakončení, musia byť v koncepcii 0.010´´ a 0.014´´ a 0.014´´ vodiče v prevedení štandard a soft.</t>
  </si>
  <si>
    <t>Položka č. 2 - Distálne mikrokatétre</t>
  </si>
  <si>
    <t xml:space="preserve">Mikrokatétre určené aj na distálny prístup, na 0.014´´ a 0.018´´ vodiče v dĺžkach minimálne 150 cm, niektoré rozmery aj v 135 cm, distálny koniec katétra musí mať RTG kontrastnú značku, povrch mikrokatétra musí byť z Hydrolénu, ktorý znižuje trenie v cieve. </t>
  </si>
  <si>
    <t>Položka č. 3 -  Balónkový guide katéter</t>
  </si>
  <si>
    <t>Balónkový zavádzací katéter potrebný k všetkým akútnym neurointervenčným liečbam ischemického STROKE – k mechanickej trombektomickej alebo aspiračnej liečbe. Katéter musí byť 8 a/alebo 9 F koncepcie a v dĺžkach medzi 80 a 95 cm s vnútorným priemerom katétrov v rozmedzí medzi a vráítane 0.078 – 0.085 in, distálny koniec s kompliantným balónikom musí byť RTG kontrastne označený, katéter musí byť distálne flexibilný a proximálne mať adekvátny support pri intervencii</t>
  </si>
  <si>
    <t>Položka č. 4 - Nebalónkový guide katéter</t>
  </si>
  <si>
    <t>Nebalónkový guide katéter k neurointervencím s proximálnym supportom  a distálnou flexibilitou katétra s rôznym prevedením zakončenia katétra, vo veľkostiach medzi a vrátane 5 – 8 F a dĺžkach medzi 90 – 100 cm.</t>
  </si>
  <si>
    <t xml:space="preserve">Položka č. 5 - Intrakraniálny stentový systém </t>
  </si>
  <si>
    <t xml:space="preserve">Stentový systém s balónikovým katétrom je určený na zlepšenie prietoku v intrakraniálnych tepnách pri vracajúcej sa ischemickej cievnej príhode, ktorá nastane napriek adekvátnej medikamentóznej liečbe a je spôsobená intrakraniálnou zúženou tepnou v rozsahu 70 – 99%.
Požadujeme samoexpandujúci nitinolový stent s RTG kontrastnými markermi na koncoch stentu, kompatibilné s 0.014´´ vodičom, dĺžka zavádzacieho systému musí byť 135 cm, stent musí byť dostupný v priemere 2.5, 3.0, 3.5, 4.0 a 4.5 mm a v dĺžkach 9, 15 a 20 mm. </t>
  </si>
  <si>
    <t>Položka č. 6 - Intrakraniálny PTA balónikový katéter</t>
  </si>
  <si>
    <t>Požadujeme kompatibilný PTA balón s položkou č. 4, balón s hydrofílnym povlakom, 0.014´´ a OTW koncepcie, v priemeroch medzi a vrátane 1.5 – 4.0 mm a v dĺžkach 9 a 15 mm a vybraných priemerov 20mm.</t>
  </si>
  <si>
    <t>Časť č. 52 - ŠZM prevažne na akútne neurointervencie, vrátane stentového systému s PTA balónikovým systémom</t>
  </si>
  <si>
    <t>Časť č. 53 - ŠZM na neurointervencie zamerané prevažne na špeciálne vodiče a extraktory, vrátane M3 úsekov</t>
  </si>
  <si>
    <t>Požadované špeciálne tromboembolické extraktory – intrakraniálne samoexpandibilné stenty ( stentretriever ) s vyššou 
radiálnou silou a kompatibilné s mikrokatétrami veľkosti do 0.021´´ s oceľovým vodiacim drôtom a špeciálne neurointervenčné vodiče, širokého spektra veľkostí, štruktúry a určenia.</t>
  </si>
  <si>
    <t>Položka č. 1 - Tromboembolický extraktor</t>
  </si>
  <si>
    <t>Nitinolový „stent like“ intrakraniálny samoexpandibilny extraktor tromboembolického materiálu</t>
  </si>
  <si>
    <t xml:space="preserve">Musí mať otvorený proximálny aj distálny koniec, zavádzací drôt je uchytený excentricky </t>
  </si>
  <si>
    <t>Proximálna časť stentu musí byť prepojená kvôli zvýšeniu radiálnej sily</t>
  </si>
  <si>
    <t xml:space="preserve">Požadujeme kompatibilitu s 0,021“ mikrokatétrom pre všetky veľkosti stentu 4-20, 5-40 aj 6-30 </t>
  </si>
  <si>
    <t xml:space="preserve">Určený je na minimálny priemer cievy 2 mm pre verziu 4-20 a 5-40 a 3 mm pre 6-30 (karotídy, M1, M2) </t>
  </si>
  <si>
    <t xml:space="preserve">Musí mať minimálne distálne 2 a proximálne 1 radiomarker </t>
  </si>
  <si>
    <t>Musí byť opakovane použiteľný ( podľa IFU celkovo až 3x )</t>
  </si>
  <si>
    <t xml:space="preserve">Vodiaci drôt musí byť z ocele </t>
  </si>
  <si>
    <t>Položka č. 2 - Tromboembolický extraktor špeciálne na M3 úseky</t>
  </si>
  <si>
    <t>Extraktor vo verzii kompatibilnej s 0,0165“ mikrokatétrom</t>
  </si>
  <si>
    <t>Verzia 4-20 a 3-20 určená na minimálny priemer od 1,5 mm (M3)</t>
  </si>
  <si>
    <t xml:space="preserve">Distálne radiokontrastné markery musia byť súčasťou tela stentu </t>
  </si>
  <si>
    <t>Vodiaci drôt musí byť z nitinolu – kvôli flexibilite a „kink rezistencii “ ( zaručená atraumatickosť )</t>
  </si>
  <si>
    <t>2.5</t>
  </si>
  <si>
    <t>Extraktor sa musí dať použiť v tandeme na vytiahnutie trombu z vetvenia (do každej vetvy jeden extraktor  – musia byť súčasne vtiahnuteľne do DAC katétra )</t>
  </si>
  <si>
    <t>Položka č. 3 - Špeciálne neurointervenčné vodiče 0.014´´ koncepcie s CoCr špičkou</t>
  </si>
  <si>
    <t xml:space="preserve">0,014“ vodič s dĺžkou 205 cm, zavádzací drôt s CoCr s rovnou špičkou </t>
  </si>
  <si>
    <t xml:space="preserve">Prenos pohybu u vodiča s pomerom  cca 1:1 proximal: distal </t>
  </si>
  <si>
    <t>Overená 26% lepšia „kink resistencia“ oproti oceľovým drôtom</t>
  </si>
  <si>
    <t>Distálna časť vodiča - 36 cm má byť hydrofilná na lepšie prechody intrakrániom</t>
  </si>
  <si>
    <t>3.5</t>
  </si>
  <si>
    <t>Radiokontrastná špička by mala byť minimálne 5 cm dlhá</t>
  </si>
  <si>
    <t>Položka č. 4 - Špeciálne neurointervenčné vodiče veľkosti 0.008´´, 0.010´´a 0.014´´</t>
  </si>
  <si>
    <t>4.2</t>
  </si>
  <si>
    <t>4.3</t>
  </si>
  <si>
    <t>Požadujeme vodič s rovnou flexibilnou špičkou, ktorá je RTG-kontrastná 5 cm pre 0.014´´ vodič, 3 cm pre 0.010´´ vodič a 9 cm pre 0.008´´ vodič</t>
  </si>
  <si>
    <t>4.4</t>
  </si>
  <si>
    <t>Vodiče priemeru 0,014“ a 0.010´´ musia byť v dĺžke 200 a 300 cm („predĺženie“ za hydrofilným coatingom je potiahnuté PTFE)</t>
  </si>
  <si>
    <t>4.5</t>
  </si>
  <si>
    <t xml:space="preserve">Vodič 0.008´´priemeru musí byť v dĺžke  minimálne 200 cm </t>
  </si>
  <si>
    <t>4.6</t>
  </si>
  <si>
    <t>Hydrofilný coating – Slip-Coat technológia distálnych 170 cm pre 0.014´´ a 0.010´´ a 180 cm pre vodič 0.008´´</t>
  </si>
  <si>
    <t>4.7</t>
  </si>
  <si>
    <t>Vodič by mal byť na povrchu vrúbkovaný a poskytovať dobrú oporu pre mikrokatéter</t>
  </si>
  <si>
    <t>Krútiaci moment je prenášaný 1:1 od konca vodiča po špičku, nezávisle na zahnutí vodiča</t>
  </si>
  <si>
    <t xml:space="preserve">Vnútorný oceľový drôt vedie po celej dĺžke od konca až po špičku – na zabezpečenie riaditeľnosti a pushability </t>
  </si>
  <si>
    <t>Položka č. 5 - Špeciálne neurointervenčné vodiče - soft tip vodiče 0.014´´</t>
  </si>
  <si>
    <t>Požadujeme dedikovaný 0.014´´ neuro vodič s prenosom krútiaceho momentu 1:1 a polymerovým coatingom a v dĺžke 200 cm.</t>
  </si>
  <si>
    <t xml:space="preserve">S hydrofilným a polymérovým coatingom, ktorý zabezpečuje lepšiu priechodnosť – cez tortuozity, trombus, stenózu a zároveň lepšiu priechodnosť mikrokatétra. </t>
  </si>
  <si>
    <t>Musí  mať zahnutú flexibilnú špičku na 25° ( „memory“ efekt špičky“ )</t>
  </si>
  <si>
    <t xml:space="preserve">„Soft tip“ je označenie  verzie s flexibilnejšou špičkou.  </t>
  </si>
  <si>
    <t xml:space="preserve">Položka č. 6 - Špeciálne neurointervenčné vodiče - soft tip vodiče 0.018´´ </t>
  </si>
  <si>
    <t>Dedikovaný neuro zavádzací drôt s prenosom krútiaceho momentu 1:1 a polymerovým coatingom</t>
  </si>
  <si>
    <t>6.2</t>
  </si>
  <si>
    <t xml:space="preserve">V dĺžke 200 cm v proximálnom priemere 0.014”, ktorý sa pred distálnym koncom zväčšuje na 0.016” a 0.018” </t>
  </si>
  <si>
    <t>6.3</t>
  </si>
  <si>
    <t>Musí mať hydrofilný a polymérový  coatingom, pre lepší prechod cez tortuozity, trombus a stenózu, rovnako aj pre prechod mikrokatétra, vodič má najväčšiu „support body“ a je určený pre väčšie mikrokatétre 0.021/0.027”</t>
  </si>
  <si>
    <t>6.4</t>
  </si>
  <si>
    <t>Musí mať zahnutú flexibilnú špičku na 25° (má väčší „memory“ efekt )</t>
  </si>
  <si>
    <t>6.5</t>
  </si>
  <si>
    <t xml:space="preserve">Soft tip“ je označenie pre verziu s flexibilnejšou špičkou, používa sa pri potrebe zaviesť väčší katéter </t>
  </si>
  <si>
    <t>6.6</t>
  </si>
  <si>
    <t xml:space="preserve">Pre šetrnejší prechod mikrokatétrom tepnou bez poškodenia intimi. </t>
  </si>
  <si>
    <t>Časť č. 54 - Dvoj-stent karotídy</t>
  </si>
  <si>
    <t>Požadujeme nitinolový double layer stent s "micro mesh“ dizajnom, vhodný na tortuóznu anatómiu ciev, stent musí byť vysoko flexibílny, Rx koncepcie, 5F koncepcie, ideálny na primárny stenting karotíd.</t>
  </si>
  <si>
    <t>Položka č. 1 -  Double layer karotícký stent s "micro-mesh" dizajnom</t>
  </si>
  <si>
    <t xml:space="preserve">Požadujeme vysoko flexibílny samoexpandibilný nitinolový closed cell karotícky stent s „ micro-mesh “ dizajnom. Stent musí byť v priemere medzi a vrátane 5 – 10 mm a v dĺžke medzi a vrátane 20 - 30 mm.  Musí byť kompatibilný s 0.014´´ vodičom a schopný retrakcie čiastočne vysunutého stentu ( do 50% ). </t>
  </si>
  <si>
    <t>Časť č. 55 - Nepovlečené stenty ( BMS ) pre perkutánne rádiologické intervencie - karotické ( closed cell dizajn )</t>
  </si>
  <si>
    <t>Požadujeme špeciálne karotické stenty na 0.014´´ vodič  s "closed cell" dizajnom a zároveň vysokou flexibilizou stentov, stenty musia byť schopné retrakcie čiastočne vysunutého stentu.</t>
  </si>
  <si>
    <t>Položka č. 1 - Karotické stenty (closed cell dizajn)</t>
  </si>
  <si>
    <t>RX samoexpandovateľné Co-Cr karotické stenty monorail konštrukcie  s „closed cell“ dizajnom</t>
  </si>
  <si>
    <t xml:space="preserve">a zároveň vysokou flexibilitou stentov, schopné ošetriť tepny v referenčnom rozmere medzi a vrátane 4.0 - 9.0 mm, </t>
  </si>
  <si>
    <t>stenty musia byť v priemere medzi a vrátane 6 - 10 mm a na ošetrenie dĺžky lézie mininimálne medzi a vrátane 22-36 mm. Musí byť kompatibilný na 0.014´´ vodič a schopný retrakcie čiastočne vysunutého stentu ( do 85 % ).</t>
  </si>
  <si>
    <t>Časť č. 56 - Ochrana pred embolizáciou perkutánnych rádiologických intervenciách - emboloprotekcia (EPD - embolic protection device)</t>
  </si>
  <si>
    <t>Požadujeme ŠZM - Distálnu emboloprotekciu určenú na karotické ako aj periférne intervencie.</t>
  </si>
  <si>
    <t>Položka č. 1 - Závislý filter na vodiči</t>
  </si>
  <si>
    <t>alebo ekvivalent:
emboloprotekčný systém určený do karotických artérií, v priemeroch od 3,0 do 6.5 mm, s koncentrickým dizajnom nitinolového filtra s možnosťou implnatácie vo všetkých uhloch/ohyboch ciev, kompatibilný s 0.014´´ vodičmi</t>
  </si>
  <si>
    <t>Emboloprotekčný systém s možnosťou prechodu léziou 0,014´´ alebo 0,018´´ vodičom, určeným na veľkosť ciev v priemere medzi a vrátane 2 - 7 mm s excelentnou stabilitou filtra pri procedúre, s použitím v karotickom aj periférnom riečisku</t>
  </si>
  <si>
    <t>Časť č. 57 - Ochrana pred embolizáciou pri perkutánnych rádiologických intervenciách - emboloprotekcia (EPD - embolic protection device) - karotická (skupiny č. 1)</t>
  </si>
  <si>
    <t>Požadujeme ŠZM - Distálnu emboloprotekciu, určenú na karotické  intervencie.</t>
  </si>
  <si>
    <t xml:space="preserve">Položka č. 1 - Nezávislý pohyblivý emboloprotekčný filter </t>
  </si>
  <si>
    <t>Nezávislý pohyblivý emboloprotekčný filter s hydrofilným pokrytím, vodiacim drôtom 0,014´´ s extra flexibilitou a otáčavosťou na prechod zložitou anatómiou.</t>
  </si>
  <si>
    <t xml:space="preserve">Musí byť určený na veľkosť ciev medzi a vrátane 2,5 - 7 mm priemeru. </t>
  </si>
  <si>
    <t>Časť č. 58 - Ochrana pred embolizáciou pri perkutánnych rádiologických intervenciách - emboloprotekcia (EPD - embolic protection device) - periférna (skupiny č. 2)</t>
  </si>
  <si>
    <t>Požadujeme ŠZM - proximálnu emboloprotekciu určenú na karotické intervencie</t>
  </si>
  <si>
    <t>Položka č. 1 - Proximálna balóniková emboloprotekcia</t>
  </si>
  <si>
    <t xml:space="preserve">Cerebrálna dvojbalóniková emboloprotekcia s konceptom kompletnej proximálnej blokády toku a možnosťou efektívnej aspirácie všetkých veľkostí "debris" z ošetrovanej lézi. </t>
  </si>
  <si>
    <t>Pretekcia musí byť v kompatibilnom prevedení s 8 a/alebo 9 F zavádzačom.</t>
  </si>
  <si>
    <t xml:space="preserve">Časť č. 59 - Katéter elektrofyziologický dekapolárny a viacpolárny </t>
  </si>
  <si>
    <t>ŠZM - špeciálny zavádzač s flexibílnym ukončením, umožňujúcim sondáž všetkých tepien odstupujúcich z aorty.</t>
  </si>
  <si>
    <t>Položka č. 1 - Zavádzač s flexibilným koncom</t>
  </si>
  <si>
    <t xml:space="preserve">Na sondáž rôznych anatomických pomerov prakticky všetkých odstupových tepien vrátane karotických tepien, </t>
  </si>
  <si>
    <t>Požadovaná dĺžka zavádzača od 45cm do 90cm, s rozmermi od 6,5 F do 12 F s, možnosťou zakrivenia flexibilného konca medzi 9 mm až 30 mm.</t>
  </si>
  <si>
    <t>Časť č. 60 - Vodiče a mikrovodiče pre angiografie a perkutánne rádiologické intervencie špeciálne</t>
  </si>
  <si>
    <t>Požadujeme ŠZM - špeciálne vodiče určené na karotické aj periférne intervencie.</t>
  </si>
  <si>
    <t>s 5 a 10 cm prechodovými segmentami  a s vynikajúcou odpoveďou na otočenie</t>
  </si>
  <si>
    <t xml:space="preserve">hladkým atraumatickým tvarovateľným hrotom </t>
  </si>
  <si>
    <t>microglide pokrytím pre nízke trenie</t>
  </si>
  <si>
    <t>rozsiahlym PTFE pokrytím</t>
  </si>
  <si>
    <t>v dĺžkach minimálne 190cm a 300cm</t>
  </si>
  <si>
    <t>Položka č. 2 -  Vodič 0,035´´</t>
  </si>
  <si>
    <t xml:space="preserve">s hladkým atraumatickým hrotom a poskytujúci podporu intervencie a adekvátnu výmenu device, </t>
  </si>
  <si>
    <t>mimoriadna schopnosť vedenia,</t>
  </si>
  <si>
    <t>Amplatz podpora</t>
  </si>
  <si>
    <t>Časť č. 61 - ŠZM na 4F kompatibilnú intervenciu periférnych tepien</t>
  </si>
  <si>
    <t>Požadovaný ŠZM na endovaskulárne ošetrenie periférných tepien nízkoprofilovým 4 F systémom, požadované sú vodiče, podporný katéter, zavádzač vhodný aj na cross-over intervencie, PTA a DCB PTA katétre a samoexpandovateľné stenty.</t>
  </si>
  <si>
    <t>Položka č. 1 - Samoexpandovateľné stenty</t>
  </si>
  <si>
    <t>4 F nízkoprofilové nitinolové samoexpandovateľné stenty do femoropopliteálnej oblasti, OTW koncepcie na 0.018´´ vodič, stenty s jednoduchou implantáciou jednou rukou, vo veľkostiach: v priemere stentov medzi a vrátane 4 - 7 mm a dĺžky stentov medzi a vrátane 20 – 200 mm.</t>
  </si>
  <si>
    <t>Položka č. 2 - Support katétre</t>
  </si>
  <si>
    <t xml:space="preserve">Hydrofílne katétre na podporu alebo výmenu vodiča, 0.014´´ alebo 0.018´´ koncepcie, určené na periférne tepny, v dĺžkach medzi 60 – 150 cm, s rovným koncom. </t>
  </si>
  <si>
    <t>Položka č. 3 - Vodiče na intervenciu 4 F konceptu 0.018 ´</t>
  </si>
  <si>
    <t>Vodič 0.018´´ s dobrou priechodnosťou lézie a dostatočnou oporou, vodič z nehrdzavejúcej ocele, optimálnou ovládateľnosťou, veľkou flexibilitou,  vynikajúcou odolnosťou a tvarovateľnosťou vodiča, výbornou radiopacitou. Požadované dĺžky v rozmedzí vrátane 195 až 300 cm.</t>
  </si>
  <si>
    <t xml:space="preserve">Položka č. 4 - Zavádzač na koncept 4 F – crossover intervenciu </t>
  </si>
  <si>
    <t>Vyžaduje sa minimálne 4F zavádzač, optimálne aj vo veľkostiach 5 a 6 F s hydrofóbnym koncom zavádzača s možnosťou odstránenia chlopne pri 5 a 6F pri event. aspirácií trombov, v dĺžke 45 a 100 cm s rovným zakončením a rovným alebo zakončením s ohybom pri 45 cm dĺžke, s excelentnou kink a deformačnou rezistenciou vďaka štruktúre z nerezovej ocele.</t>
  </si>
  <si>
    <t>Položka č. 5 -  PTA balónikové katétre 4F konceptu</t>
  </si>
  <si>
    <t>4 F kompatibilné balónikové katétre na 0.018´´ vodič OTW koncepcie bez liekového potiahnutia 4 F kompatibilné v rozmedzí priemeru minimálne medzi a vrátane 2 - 6 mm a v dĺžke v rozmedzí minimálne a vrátane 20 - 80 mm</t>
  </si>
  <si>
    <t>Položka č. 6 - DCB PTA balónikové katétre 4 F konceptu</t>
  </si>
  <si>
    <t>4 F kompatibilné balónikové katétre na 0.018´´ vodič s liekovým povlečením ( paclitaxel ) v rozmedzí priemeru 2, 3 a 4 mm a v rozmedzí dĺžky minimálne 40, 80 a 120 mm. Požadujeme rovnaké balóny aj s veľkosťou v rozmedzí priemeru 5 -7mm, v dĺžkach 40, 80 a 120 mm kompatibilné s 5 F zavádzačom</t>
  </si>
  <si>
    <t>Požadujeme PTA katétre kompatibilné s 0.014´´ alebo 0,018´´ vodičom,  určené na karotické intervencie, musia byť low profil, Rx koncepcie a schopné vysoko-tlakovej dilatácie.</t>
  </si>
  <si>
    <t>Časť č. 62 - Balónikové katétre na perkutánne karotické intervencie - špeciálne nízkoprofilové PTA katétre</t>
  </si>
  <si>
    <t>Položka č. 1 - PTA karotické katétre</t>
  </si>
  <si>
    <t xml:space="preserve">musia mať rozmery priemeru medzi a vrátane 4 -7 mm a dĺžky minimálne medzi a vrátane 20 - 40 mm, </t>
  </si>
  <si>
    <t>RX koncept s alebo bez hydrofílneho coatingu, s excelentnou pušabilitou, určené na karotické aj renálne intervencie.</t>
  </si>
  <si>
    <t>alebo 0.018´´ kompatibilný monorailový, semicompliantný PTA balón určený na karotické intervencie, minimálne v priemeroch medzi a vrátane 2 – 7 mm a v dĺžke medzi a vrátane 20 – 40 mm</t>
  </si>
  <si>
    <t>postdilatačné PTA katétre-balóny na 0,014´´ vodič, low profil balóny s možnosťou vysoko-tlakovej dilatácie ( do 14 atm )</t>
  </si>
  <si>
    <t>Položka č. 1 -  Vodič 0,014´´</t>
  </si>
  <si>
    <t>Časť č. 63 - Nepovlečené stenty ( BMS ) pre perkutánne rádiologické intervencie - karotické ( open cell dizajn )</t>
  </si>
  <si>
    <t>Požadujeme karotické steny v "open cell dizajne" s vynikajúcou flexibilitou, kompatibilné s 0.014´´ vodičom, RX konceptu a musia obsahovať kónické aj rovné stenty.</t>
  </si>
  <si>
    <t>Položka č. 1 - Karotické stenty (open cell dizajn)</t>
  </si>
  <si>
    <t xml:space="preserve">RX samoexpandovateľné nitinolové flexibilné karotické stenty „open cell“ dizajnu, </t>
  </si>
  <si>
    <t>stenty rovné s rozmermi priemeru minimálne 6 - 10 mm a dĺžky minimálne medzi a vrátane 20 - 40 mm,</t>
  </si>
  <si>
    <t>zúžené ( kónické ) stenty s rozmermi 8 - 6 mm a 10 - 7 mm priemeru a minimálne medzi a vrátane 30 - 40 mm dĺžky.</t>
  </si>
  <si>
    <t>Časť č. 64 - Nepovlečené stenty pre perkutánne rádiologické intervencie - karotické ( closed cell dizajn )</t>
  </si>
  <si>
    <t>Požadujeme "closed cell" dizajn karotické stenty s vysokou radiálnou silou, RX koncepcie.</t>
  </si>
  <si>
    <t xml:space="preserve">RX samoexpandovateľné nitinolové karotické stenty „closed cell“, s vynikajúcou radiálnou silou, </t>
  </si>
  <si>
    <t>stenty rovné s rozmermi medzi a vrátane 7 - 10 mm priemeru a medzi a vrátane 20 - 30 mm dĺžky,</t>
  </si>
  <si>
    <t>zúžené stenty s rozmermi 8 - 6 mm, 9 - 7 mm a 10 - 8 mm priemeru a medzi a vrátane 30 - 40 mm dĺžky.</t>
  </si>
  <si>
    <t>Časť č. 65 - ŠZM pre vaskulárne intervencie zamerané na embolizačné plugy a špirály, tvorené polymérovou technológiou</t>
  </si>
  <si>
    <t>Vyžaduje sa ŠZM zameraný na embolizačné plugy a špirály tvorené polymérovou technológiou. Polymérové plugy sú primárne určené na vypĺňanie aneuryziem aorty a periférnych vaskulárnych oblastí, vrátane embolizácií intrakraniálnych aneuryziem. Polymérové plugy sa vyžadujú v prevedení s a bez špirály. Plugy a špirály musia byť s polymérovou technológiou, polymér je RTG nekontrastný, vyžadujeme aj viacnásobné plugové systémy, ŠZM vrátane príslušenstva.</t>
  </si>
  <si>
    <t xml:space="preserve">Položka č. 1 - Špeciálne embolizačné plugy bez špirály </t>
  </si>
  <si>
    <t>Musia byť s polymérovou technológiou. Expandovaný priemer plugu musí byť medzi a vrátane 6 – 12 mm, dĺžka plugu musí byť medzi a vrátane 10 – 15 mm, polymér je samoexpandovateľný s tvarovou pamäťou. Kompatibilita ID katétrov je minimálne 0.038, maximálne 0.090 palcov.</t>
  </si>
  <si>
    <t xml:space="preserve">Položka č. 2 - Špeciálne embolizačné plugy so špirálou </t>
  </si>
  <si>
    <t>Musia byť s polymérovou technológiou. Expandovaný priemer plugu musí byť medzi a vrátane 6 – 12 mm, dĺžka plugu musí byť medzi a vrátane 10 – 15 mm, priemer expandovanej pripevnenej špirály musí byť medzi a vrátane 7 – 13 mm, polymér je samoexpandovateľný s tvarovou pamäťou. Kompatibilita ID katétrov je minimálne 0.038, maximálne 0.090 palcov.</t>
  </si>
  <si>
    <t>Položka č. 3 -  Embolizačné viacnásobné plugové systémy</t>
  </si>
  <si>
    <t>Musia byť s polymérovou technológiou.
Expandovaný priemer plugov musí mať 12 mm, implantované plugy musia byť v dĺžke minimálne 15 a maximálne 75 mm, balené po 5 ks/systém, kompatibilné na ID katétre minimálne 0.070 až maximálne 0.090 palcov, polymér je samoexpandovateľný s tvarovou pamäťou.</t>
  </si>
  <si>
    <t>Položka č. 4 -  Neurovaskulárne odpojiteľné embolizačné špirály s polymérovou technológiou</t>
  </si>
  <si>
    <t>Expandovaný priemer špirály musí byť medzi a vrátane 3 – 16 mm, dĺžka špirály medzi a vrátane 20 – 200 mm, kompatibilita s mikrokatétrom do 0.021´´, špirála zo zliatiny platiny a volfrámu.</t>
  </si>
  <si>
    <t>Odpútavač musí byť na princípe elektrolytického odpútavania, zariadenie musí byť monopolárne, poháňané elektrickými článkami ( AAAA ), musí pracovať s napätím 6V a jeden odpútavač musí byť schopný odpútať do 20 špirál.</t>
  </si>
  <si>
    <t>Položka č. 5 - Odpútavacie zariadenie embolizačných špirál</t>
  </si>
  <si>
    <t>Časť č. 44 - Štandardné a neštandardné aortálne stentgrafty a príslušenstvo</t>
  </si>
  <si>
    <t>Systém kompatibilných stentgraftov pre komplexnú endovaskulárnu liečbu-reparáciu aneuryziem, disekcií, transekcií a iných zlyhaní funkcie aorty, vrátane na mieru vyrábaných stentgraftov a komplexného príslušenstva nevyhnutného k implantácií.
Požadujeme špeciálny a komplexný ŠZM, ktorý obsahuje všetky komponenty pre endografting thorako-abdominálnej oblasti aorty, vrátane thorakálnych a abdominálnych nadväzujúcich stentgraftov, extenzií a príslušného pomocného materiálu, vrátane stentu určeného na modelovanie pravého lúmenu u disekcií aorty.</t>
  </si>
  <si>
    <t>Položka č. 1 - Stentgraft hrudný pre reparácie TAA dvojdielny, teleskopický, nízkoprofilový, pre veľmi úzke zavádzacie cievne riečisko - proximálna časť</t>
  </si>
  <si>
    <t xml:space="preserve">Stentgraft nitinolový, tubulárny a / alebo zužujúci, komponentný, určený pre endovaskulárne reparácie výdutí, aortálnych vredov a transekcií na descendentnej časti hrudnej aorty. Vnútorný priemer zavádzacieho zariadenia maximálne 16 F pre priemery 24-30 mm, 18 F pre priemery 32-38 mm a 20 F pre priemery 40-46 mm, priemery stentgraftu od 24 mm do 46 mm.  Dĺžky pokrytej časti stentgraftu musia byť od 105 mm do 233 mm.  Stentgraft je vyrobený z nitinolového Z stentu našitého na Dakron a musí byť MR kompatibilný,  musí byť opatrený na proximálnom konci modulačným nepokrytým stentom a na prvom pokrytom stente fixačnými háčikmi. Zavádzač stentgraftu musí byť s flexibilným kónickým hrotom, ktorý zároveň slúži ako dilatátor, zavádzaný po vodiči.     </t>
  </si>
  <si>
    <t>Položka č. 2 - Stentgraft hrudný pre reparácie TAA dvojdielny, teleskopický, nízkoprofilový, pre veľmi úzke zavádzacie cievne riečisko - distálna časť</t>
  </si>
  <si>
    <t>Stentgraft nitinolový, tubulárny a / alebo zužujúci, komponentný, určený pre endovaskulárne reparácie výdutí, aortálnych vredov a transekcií na descendentnej časti hrudnej aorty. Stentgraft je druhým stentgraftom v dvojici thorakálneho systému, ak je treba fixovať proximálny diel. Vnútorný priemer zavádzacieho zariadenia maximálne 16 F pre priemery 24-30 mm, 18 F pre priemery 32-38 mm a 20 F pre priemery 40-46 mm. Priemery stentgraftu minimálne v rozsahu od 28 mm do 46 mm. Dĺžky pokrytej časti minimálne od 160 mm do 211 mm. Stentgraft musí byť opatrený na distálnom konci fixačným nepokrytým stentom a na tomto stente fixačnými háčikmi.</t>
  </si>
  <si>
    <t>Položka č. 3 -Stentgraft brušný pre reparácie AAA, trojdielny, nízkoprofilový, pre veľmi úzke zavádzacie cievne riečisko a krátky krčok aneuryzmy – bifurkovaná časť</t>
  </si>
  <si>
    <t xml:space="preserve">Stentgraft pre endovaskulárne reparácie bežných brušných výdutí, pre pacientov s veľmi úzkym prístupovým riečiskom, s úzkym distálnym krčkom, krátkym krčkom a veľkým proximálnym rozmerom do 36 mm.  Komplet stentgraftu požadujeme trojdielny, jedno bifurkačné telo stentgraftu a 2 tubulárne nožičky, ktoré sú samostatné a po vložení do tela tvoria ucelený komplet. Stentgraft musí umožňovať ortográdny prietok do oboch spoločných panvových tepien. Stentgraft musí umožniť bezpečné vypúšťanie otáčaním madla zavádzača s možnosťou regulovať pozíciu stentgraftu počas otvárania, postupné otváranie stentgraftu pomocou bezpečnostných drôtov musí zaistiť bezpečné usadenie a repozíciu. Musí byť z výroby zasunutý a pripravený pre umiestnenie do zavádzačov s maximálnym vnútorným priemerom 16 F  (telo v diametre 22-32 mm) resp. 17 F  (telo v diametre 36 mm), nožičky musia byť zasunuté v zavádzači s vnútorným priemerom 12 F  ( 9-16 mm), resp.14 F  ( 20-24 mm).  Rozmery tela sú od 22 do 36 mm v priemere, od 72 do 128 mm  pracovnej dĺžky, musia byť maximálne biokompatibilné. </t>
  </si>
  <si>
    <t>Položka č. 4 - Stentgraft brušný pre reparácie AAA, trojdielny, nízkoprofilový, pre veľmi úzke zavádzacie cievne riečisko a krátky krčok aneuryzmy – tubulárna časť</t>
  </si>
  <si>
    <t xml:space="preserve">Stentgraft tubulárny pre endovaskulárne reparácie bežných brušných výdutí, pre pacientov s veľmi úzkym prístupovým riečiskom, s úzkym distálnym krčkom, krátkym horným krčkom. Stentgraft musí tvoriť spolu s bifurkačnou komponentou kompaktný flexibilný celok, ktorý je nezalomiteľný (požadujeme špirálovo našitý Z-stent na Dakronu ) s diametrom distálneho konca od 8 do 24 mm. Všetky systémy sú kompatibilné s vodiacim drôtom o veľkosti 0,035 palca (0,89 mm),  rozmery nožičiek: priemery od 9-24 mm, dĺžky od 42 do 125 mm. </t>
  </si>
  <si>
    <t>Položka č. 5 - Stentgraft brušný pre reparácie AAA, trojdielny, pre veľmi angulovaný kŕčok aneuryzmy, s oceľovým Z stentom – bifurkačný</t>
  </si>
  <si>
    <t>Stentgraft  je určený pre endovaskulárne reparácie brušných výdutí, pre pacientov s veľmi angulovaným krčkom aneuryzmy. Komplet stentgraftu sa skladá z bifurkačného tela stentgraftu a 2 stentgraftov - nožičiek, ktoré sú samostatné a po vložení do tela tvoria trojdielny komplet. Stentgraft umožní  ortográdny prietok do oboch spoločných panvových tepien. Stentgraft musí byť z výroby zasunutý a pripravený pre umiestnenie do zavádzačov s maximálnym vonkajším priemerom 20 F (telo v diametre 22-32 mm) resp. 22 F (telo v diametre 32 mm). Zavádzače sú nezlomiteľnej konštrukcie s hydrofilným povrchom.  Rozmery tela sú minimálne od 22 do 32 mm v priemere a od 82 do 149 mm pracovnej dĺžky.</t>
  </si>
  <si>
    <t>Položka č. 6 -  Stentgraft brušný bifurkačný „ iliac branch “ s odstupom pre pokračujúcu brušnú aneuryzmu spoločnej ilickej a externej ilickej tepny</t>
  </si>
  <si>
    <t xml:space="preserve">Typ bifurkačného endovaskulárného stentgraftu typu „ branch “ s odstupom prevedeným našitým druhým stentgraftom požadovanej dĺžky pre odstup vnútornej pánvovej tepny v prípade, že aneuryzma a. iliaca pokračuje za tento odstup, pričom dôraz sa kladie na zachovanie prietoku do a.illiaca int..  Stentgraft sa zavádza ako prvý, branch sa prepojí s art. iliaca interna predĺžením stentgraftu a potom sa proximálny diel spojí s bifurkačným stentgraftom uloženým nad ním tubulárnou komponentou. Materiál stentu musí byť z oceli, graft je z tkaného nepriepustného polyesteru, branch musí byť vystužený nitinolovými výstuhami. Biokompatibilný aj MR kompatibilný systém.  Rozmery dĺžok musia byť variabilné minimálne 41 mm a maximálne 61 mm nad branchovaným odstupom a tiež 41 až 58 mm pod odstupom vo voliteľných priemeroch 10 a 12 mm. </t>
  </si>
  <si>
    <t>Položka č. 7 - Stentgraft hrudný tubulárny pre reparácie B - disekcií aorty</t>
  </si>
  <si>
    <t xml:space="preserve">Stentgraft pre reparáciu disekcií zostupnej časti hrudnej aorty.  Požadujeme tubulárnu a / alebo kužeľovitú komponentu, vyrobenú z oceľovej časti, Z - stentu našitého na polyesterovú tkaninu Dakron, bez fixácie proximálnym stentom a / alebo háčikmi. Minimálny rozsah priemerov stentgraftu od 22 mm do 42 mm, s možnosťou dodať aj kónický tvar v pracovnej dĺžke od 79 do 218 mm. Požadujeme, aby bol prvý pokrytý stent stentgraftu zaistený po celom priemere bezpečnostnými drôtmi až do presného vypustenia, bez efektu „ vtáčieho zobáka “.  Stentgraft musí byť z výroby zasunutý a pripravený pre umiestnenie v zavádzačoch s maximálnym vnútorným priemerom 20 F ( telo v diametre 22-34 mm ), 22 F ( telo v diametre 36-42 mm ).   </t>
  </si>
  <si>
    <t>Položka č. 8 - Stent aortálny pre reparácie B – disekcií</t>
  </si>
  <si>
    <t>Požadujeme endovaskulárny tubulárny stent, ktorý je vyrobený prepojením nitinolových Z – stentov. Stent musí byť samoexpandibilný, pre reparáciu B - disekcie zostupnej časti hrudnej aorty formou modelovania pravého lúmen. Stent musí byť kompatibilný s pokrytým stentgraftom, ktorý je vložený do disekcie hrudnej aorty ako prvý pre pokrytie entry disekcie. Požadujeme rôzne dĺžky od 80 mm do 185 mm a v priemere 36 – 46 mm. Musí byť nasadený vo flexibilnom zavádzači s vnútorným priemerom 14 F s hydrofilným povrchom a uzatvárateľnou chlopňou.</t>
  </si>
  <si>
    <t>Položka č. 9 - Stentgraft aortálny tubulárny proximálny pre juxtarenálne  a / alebo thorako - abdominálne aneuryzmy</t>
  </si>
  <si>
    <t>Požadujeme variantný systém, ktorý je upravený podľa anatomických parametrov pacienta pre thorako-abdominálnu časť aorty.  Systém musí byť vyrobený s odstupujúcimi brandžami tak, aby bolo možné prekryť celý viscerálny úsek a zaistiť priechody do všetkých tepien v tejto oblasti. A / alebo vyrobený s malými, resp. veľkými fenestráciami, resp. skalopmi,  pre viscerálne tepny odstupujúce z aorty, ktoré sa ďalej predĺžujú do týchto ciev extenznými cievnymi stentgraftmi. Variantne može byť stentgraft vyrobený ako kombinácia brandží a fenestrácií. Takto upravená proximálna tubulárna komponenta je potom doplnená bifurkačnou komponentou a nožičkami, ktoré kotvia stentgrafty do spoločných pánevných tepien. Stentgraft je určený pre endovaskulárne reparácie juxtarenálnych brušných výdutí.  Materiál stentgraftu je MR kompatibilný. Orientácia, pozícia a prekrývanie stentgraftu je zaistené RTG kontrastnými markermi.  Dodávateľ musí v konečnej cene počítať s vlastným meraním anatómie pacienta a následným vyhotovením výrobného konceptu, ktorý schvaľuje do výroby lekár.</t>
  </si>
  <si>
    <t>Položka č. 10 - Stentgraft aortálny bifurkačný distálny pre reparácie juxtarenálnych a thorako - abdominálnych aneuryziem</t>
  </si>
  <si>
    <t xml:space="preserve">Požadujeme stentgraft bifurkačný ako distálny k variantnému tubulárnemu fenestrovanému a / alebo thorako-abdominálnemu brandžovanému proximálnemu dielu v požadovaných kombináciach. Distálna komponenta sa vsúva a otvára do komponenty proximálnej a predlžuje stengraft až pod brušnú bifurkáciu. Orientácia musí byť zaistená zlatými markermi. Požadujeme výber rôznych dĺžok od 76 mm do 124 mm, v hornom diametri 22. resp. 24 mm.  Materiál musí byť kompatibilný s horným dielom, ide o oceľ na tkanom polyestere. Obe komponenty  sú biokompatibilné aj MR kompatibilné.Požadujeme zavádzač, ktorý je maximálne  s vonkajším priemerom 22 F., u bežných veľkostí 20 F., s hydrofilným povrchom a  uzatvárateľnou chlopňou.   </t>
  </si>
  <si>
    <t>Položka č. 11 - Stent do žilného riečiska</t>
  </si>
  <si>
    <t>11.1</t>
  </si>
  <si>
    <t xml:space="preserve">Stent do iliofemorálneho žilného riečiska, pre vodiče 0,035´´na zavádzači 80 a 120 cm, pre zavádzače 7 F. Priemer 14 a 16 mm v dĺžkach 60, 100 a 140 mm.   </t>
  </si>
  <si>
    <t>Položka č. 12 - Zavádzač štandardný bez ihly a vodiča röntgenkontrastná špička</t>
  </si>
  <si>
    <t>12.1</t>
  </si>
  <si>
    <t xml:space="preserve">Zavádzač s pevným puzdrom, ktorý sa nekomprimuje ani nezalamuje, so silnostenným kónickým dilatátorom dimenzovaným pre vodiče 0,038 inch, je osadený spojovacou hadičkou zakončenou ventilom a hemostatickou chlopňou, ktorá neobteká. Puzdro vyrobené v dĺžke 70 a 85 cm  a s vnútorným lúmenom vybraných dĺžok v rozmedzí 12 - 18 F. </t>
  </si>
  <si>
    <t>Položka č. 13 - Zavádzač špeciálny vystužený oceľovým koilom pre vodič 0,038 inch.</t>
  </si>
  <si>
    <t>13.1</t>
  </si>
  <si>
    <t>Zavádzač vystužený oceľovou špirálou s röntgenkontrastnou značkou na konci opatrený preplachovacou hadičkou s trojcestným ventilom a dilatátorom,  pre vodič 0,038 inch., v rozmeroch:  5-10 F a v dĺžkach medzi 30 -90 cm.</t>
  </si>
  <si>
    <t>Položka č. 14 - Zavádzač vodiaci vystužený oceľovým koilom 90 cm</t>
  </si>
  <si>
    <t>14.1</t>
  </si>
  <si>
    <t>Zavádzač vystužený oceľovou špirálou potiahnutý hydrofilnou vrstvou s röntgenkontrastnou značkou na konci. Tieto zavádzače sú balené v sete s dvomi kónickými dilatátormi dimenzovanými pre vodiče 0,018 a 0,038 inch. Hemostatická chlopeň je opatrená preplachovacou hadičkou s trojcestným ventilom. Zavádzač je konfigurovaný ako rovný, alebo zahnutý (multipurposa)  mierne a viac (renal double). Požaduje sa v rozmeroch 4-6 F,  dĺžky 90 cm.</t>
  </si>
  <si>
    <t>Položka č. 15 - Zavádzač vodiaci vystužený oceľovým koilom 55 cm</t>
  </si>
  <si>
    <t>15.1</t>
  </si>
  <si>
    <t>Zavádzač vystužený oceľovou špirálou potiahnutý hydrofilnou vrstvou s röntgenkontrastnou značkou na konci. Tieto zavádzače sú balené v sete s dvomi kónickými dilatátormi dimenzovanými pre vodiče 0,018 a 0,038 inch. Zavádzač opatrený trojcestným kohútikom. Zavádzač je na konci opatrený mäkkou atraumatickou zónou. Zavádzač je konfigurovaný ako zahnutý (multipurposa) mierne a viac (renal double a cobra). Je k dispozícii v rozmeroch 4-7 F., dĺžky 45-110 cm, rovný zahnutý, Balkin apod.</t>
  </si>
  <si>
    <t>Položka č. 16 - Zavádzač vodiaci vystužený oceľovým koilom pre vodič 0,035 inch.</t>
  </si>
  <si>
    <t>16.1</t>
  </si>
  <si>
    <t>Zavádzač vodiaci vystužený oceľovou špirálou s röntgenkontrastnou značkou na konci, opatrený preplachovacou hadičkou s trojcestným ventilom, pre vodič 0,035 inch. Zavádzač v sete s dilatátorom s ultramäkkou konštrukciou, držiaci doprednou silu opatrený na konci dvomi prechodovými zónami pre dosiahnutie maximálnej flexibility, rozmery: medzi 4-12 F a dĺžky medzi 45 - 110 cm.  Hrot zavádzača buď priamy, alebo zahnutý.</t>
  </si>
  <si>
    <t>Položka č. 17 - Zavádzač vodiaci vystužený oceľovým koilom 40 cm hydrofilný</t>
  </si>
  <si>
    <t>17.1</t>
  </si>
  <si>
    <t>Zavádzač vodiaci vystužený oceľovou špirálou s röntgenkontrastnou značkou na konci, opatrený preplachovacou hadičkou s trojcestným ventilom, pre vodič 0,035 inch. Zavádzač v sete s dilatátorom s ultramäkkou konštrukciou, držiaci doprednou silu opatrený na konci dvomi prechodovými zónami pre dosiahnutie maximálnej flexibility, rozmery: 5,5-8 F., dĺžky 40 cm. Hrot zavádzača zahnutý o 180 stupňov</t>
  </si>
  <si>
    <t xml:space="preserve">Položka č. 18 - Hydrofilné  vodiče </t>
  </si>
  <si>
    <t>18.1</t>
  </si>
  <si>
    <t>Hydrofilný vodič s dobrou priechodnosťou a súčasne dobrou oporou pre diagnostické a intervenčné vaskulárne výkony. Tento vodič musí mať nitinolové jadro s platinovým koncom a hydrofilný povrch, ktorý si zachováva svoje vlastnosti aj po opakovaných zavedeniach v rámci jedného výkonu. Vodič musí mať tieto parametre: 0,035 inch., dĺžky 145 alebo 150 cm, 180 až 190 cm, 260 až 300 cm, typ konca -  rovný alebo zahnutý, rôzne dĺžky mäkkého zakončenia. Musí byť pružný, odolný voči ohnutiu, event. zalomeniu, dobre priechodný. Musí mať röntgenkontrastný koniec, byť dobre ovládateľný a riaditeľný,  dodávaný s rotátorom. Požadujeme tiež, aby mal točivý moment 1:1 pri pomere manipulácie s distálnym koncom a rotáciou proximálneho konca.</t>
  </si>
  <si>
    <t>Položka č.  19. - Vodič extra tuhý 0,035 inch.</t>
  </si>
  <si>
    <t>19.1</t>
  </si>
  <si>
    <t>Vodič pre komplexné endovaskulárne intervencie, extrémne tuhý vodič s pevným jadrom z nerezovej ocele potiahnutý PTFE s rôzne dlhým mäkkým koncom od 15 cm, buď s rovným koncom alebo so zakončením rôznych polomerov zakrivenia dvojitého s polomermi 4-7,5 mm, dvakrát dvojitého s polomermi 4 - 7,5 a 15 mm a alebo predĺženého dvojitého s polomermi 4 - 5,5 - 15 mm. Priemer vodiča 0,035 inch, v dĺžkach 260 a 300 cm.</t>
  </si>
  <si>
    <t>Položka č. 20 - Vaskulárny extraktor periférny</t>
  </si>
  <si>
    <t>20.1</t>
  </si>
  <si>
    <t xml:space="preserve">Periférny vaskulárny extraktor, 6F koncepcie, nitinolový snare, vo forme 4-lístka/4 slučiek, vybavený hemostatickou chlopňou na reguláciu prietoku, v dĺžke katétra 90 cm. </t>
  </si>
  <si>
    <t>Spotrebný zdravotnícky materiál a špeciálny zdravotnícky materiál pre intervenčnú angiológiu</t>
  </si>
  <si>
    <t>skalpel č. 11 s rukoväťou - 1x (možný ekvivalent skalpel s dlhou rukoväťou - 1 ks)</t>
  </si>
  <si>
    <t>ochranný vak na štít a zosilňovač, transparentný, rozmer medzi 70x120 
- 120x120cm - 2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€&quot;"/>
  </numFmts>
  <fonts count="15" x14ac:knownFonts="1"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i/>
      <sz val="10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sz val="9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10"/>
      <color rgb="FF000000"/>
      <name val="Arial"/>
      <family val="2"/>
      <charset val="238"/>
    </font>
    <font>
      <b/>
      <sz val="12"/>
      <name val="Arial"/>
      <family val="2"/>
      <charset val="238"/>
    </font>
    <font>
      <sz val="10"/>
      <color rgb="FFFF000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57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indexed="64"/>
      </bottom>
      <diagonal/>
    </border>
    <border>
      <left/>
      <right/>
      <top style="medium">
        <color auto="1"/>
      </top>
      <bottom style="medium">
        <color indexed="64"/>
      </bottom>
      <diagonal/>
    </border>
    <border>
      <left/>
      <right style="medium">
        <color indexed="64"/>
      </right>
      <top style="medium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medium">
        <color auto="1"/>
      </right>
      <top/>
      <bottom style="thin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indexed="64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medium">
        <color auto="1"/>
      </bottom>
      <diagonal/>
    </border>
    <border>
      <left style="thin">
        <color auto="1"/>
      </left>
      <right/>
      <top style="medium">
        <color indexed="64"/>
      </top>
      <bottom style="medium">
        <color auto="1"/>
      </bottom>
      <diagonal/>
    </border>
    <border>
      <left style="thin">
        <color auto="1"/>
      </left>
      <right/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indexed="64"/>
      </left>
      <right/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 style="medium">
        <color indexed="64"/>
      </right>
      <top style="medium">
        <color indexed="64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 style="medium">
        <color indexed="64"/>
      </right>
      <top style="thin">
        <color indexed="64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</borders>
  <cellStyleXfs count="4">
    <xf numFmtId="0" fontId="0" fillId="0" borderId="0"/>
    <xf numFmtId="0" fontId="7" fillId="0" borderId="0"/>
    <xf numFmtId="0" fontId="11" fillId="0" borderId="0"/>
    <xf numFmtId="0" fontId="7" fillId="0" borderId="0"/>
  </cellStyleXfs>
  <cellXfs count="145">
    <xf numFmtId="0" fontId="0" fillId="0" borderId="0" xfId="0"/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0" fontId="4" fillId="0" borderId="0" xfId="0" applyFont="1" applyAlignment="1" applyProtection="1">
      <alignment vertical="center" wrapText="1"/>
      <protection locked="0"/>
    </xf>
    <xf numFmtId="0" fontId="1" fillId="0" borderId="0" xfId="0" applyFont="1" applyAlignment="1">
      <alignment vertical="top" wrapText="1"/>
    </xf>
    <xf numFmtId="49" fontId="1" fillId="2" borderId="9" xfId="0" applyNumberFormat="1" applyFont="1" applyFill="1" applyBorder="1" applyAlignment="1">
      <alignment horizontal="center" vertical="center" wrapText="1"/>
    </xf>
    <xf numFmtId="0" fontId="1" fillId="0" borderId="0" xfId="0" applyFont="1" applyAlignment="1">
      <alignment vertical="center"/>
    </xf>
    <xf numFmtId="0" fontId="7" fillId="0" borderId="15" xfId="0" applyFont="1" applyBorder="1" applyAlignment="1">
      <alignment horizontal="center" vertical="center" wrapText="1"/>
    </xf>
    <xf numFmtId="0" fontId="7" fillId="0" borderId="19" xfId="0" applyFont="1" applyBorder="1" applyAlignment="1">
      <alignment horizontal="center" vertical="center" wrapText="1"/>
    </xf>
    <xf numFmtId="49" fontId="1" fillId="0" borderId="20" xfId="0" applyNumberFormat="1" applyFont="1" applyBorder="1" applyAlignment="1">
      <alignment horizontal="center" vertical="center" wrapText="1"/>
    </xf>
    <xf numFmtId="49" fontId="1" fillId="0" borderId="21" xfId="0" applyNumberFormat="1" applyFont="1" applyBorder="1" applyAlignment="1">
      <alignment horizontal="center" vertical="center" wrapText="1"/>
    </xf>
    <xf numFmtId="49" fontId="1" fillId="0" borderId="22" xfId="0" applyNumberFormat="1" applyFont="1" applyBorder="1" applyAlignment="1">
      <alignment horizontal="center" vertical="center" wrapText="1"/>
    </xf>
    <xf numFmtId="49" fontId="1" fillId="0" borderId="23" xfId="0" applyNumberFormat="1" applyFont="1" applyBorder="1" applyAlignment="1">
      <alignment horizontal="center" vertical="center" wrapText="1"/>
    </xf>
    <xf numFmtId="0" fontId="7" fillId="0" borderId="25" xfId="0" applyFont="1" applyBorder="1" applyAlignment="1">
      <alignment horizontal="center" vertical="center" wrapText="1"/>
    </xf>
    <xf numFmtId="49" fontId="1" fillId="0" borderId="26" xfId="0" applyNumberFormat="1" applyFont="1" applyBorder="1" applyAlignment="1">
      <alignment horizontal="center" vertical="center" wrapText="1"/>
    </xf>
    <xf numFmtId="49" fontId="1" fillId="0" borderId="27" xfId="0" applyNumberFormat="1" applyFont="1" applyBorder="1" applyAlignment="1">
      <alignment horizontal="center" vertical="center" wrapText="1"/>
    </xf>
    <xf numFmtId="49" fontId="1" fillId="0" borderId="0" xfId="0" applyNumberFormat="1" applyFont="1" applyAlignment="1">
      <alignment horizontal="left" vertical="top"/>
    </xf>
    <xf numFmtId="49" fontId="7" fillId="0" borderId="0" xfId="0" applyNumberFormat="1" applyFont="1" applyAlignment="1">
      <alignment horizontal="left" vertical="top" wrapText="1"/>
    </xf>
    <xf numFmtId="49" fontId="1" fillId="0" borderId="0" xfId="0" applyNumberFormat="1" applyFont="1" applyAlignment="1">
      <alignment horizontal="center" vertical="center" wrapText="1"/>
    </xf>
    <xf numFmtId="49" fontId="1" fillId="0" borderId="0" xfId="0" applyNumberFormat="1" applyFont="1" applyAlignment="1">
      <alignment horizontal="left" vertical="center" wrapText="1"/>
    </xf>
    <xf numFmtId="0" fontId="8" fillId="0" borderId="0" xfId="1" applyFont="1" applyAlignment="1">
      <alignment vertical="center" wrapText="1"/>
    </xf>
    <xf numFmtId="0" fontId="8" fillId="0" borderId="0" xfId="1" applyFont="1" applyAlignment="1">
      <alignment vertical="center"/>
    </xf>
    <xf numFmtId="0" fontId="8" fillId="0" borderId="0" xfId="1" applyFont="1" applyAlignment="1">
      <alignment horizontal="left" vertical="center" wrapText="1"/>
    </xf>
    <xf numFmtId="0" fontId="1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14" fontId="1" fillId="0" borderId="0" xfId="0" applyNumberFormat="1" applyFont="1" applyAlignment="1">
      <alignment horizontal="left" wrapText="1"/>
    </xf>
    <xf numFmtId="0" fontId="10" fillId="0" borderId="0" xfId="0" applyFont="1" applyAlignment="1" applyProtection="1">
      <alignment horizontal="center"/>
      <protection locked="0"/>
    </xf>
    <xf numFmtId="0" fontId="10" fillId="0" borderId="0" xfId="0" applyFont="1" applyAlignment="1" applyProtection="1">
      <alignment horizontal="left"/>
      <protection locked="0"/>
    </xf>
    <xf numFmtId="0" fontId="10" fillId="0" borderId="0" xfId="0" applyFont="1" applyProtection="1">
      <protection locked="0"/>
    </xf>
    <xf numFmtId="0" fontId="10" fillId="3" borderId="29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" fillId="0" borderId="19" xfId="0" applyFont="1" applyBorder="1" applyAlignment="1">
      <alignment horizontal="left" vertical="center" wrapText="1"/>
    </xf>
    <xf numFmtId="49" fontId="7" fillId="0" borderId="18" xfId="0" applyNumberFormat="1" applyFont="1" applyBorder="1" applyAlignment="1">
      <alignment horizontal="center" vertical="center" wrapText="1"/>
    </xf>
    <xf numFmtId="49" fontId="7" fillId="0" borderId="24" xfId="0" applyNumberFormat="1" applyFont="1" applyBorder="1" applyAlignment="1">
      <alignment horizontal="center" vertical="center" wrapText="1"/>
    </xf>
    <xf numFmtId="0" fontId="1" fillId="0" borderId="25" xfId="0" applyFont="1" applyBorder="1" applyAlignment="1">
      <alignment horizontal="left" vertical="center" wrapText="1"/>
    </xf>
    <xf numFmtId="49" fontId="1" fillId="0" borderId="16" xfId="0" applyNumberFormat="1" applyFont="1" applyBorder="1" applyAlignment="1">
      <alignment horizontal="center" vertical="center" wrapText="1"/>
    </xf>
    <xf numFmtId="49" fontId="1" fillId="0" borderId="17" xfId="0" applyNumberFormat="1" applyFont="1" applyBorder="1" applyAlignment="1">
      <alignment horizontal="center" vertical="center" wrapText="1"/>
    </xf>
    <xf numFmtId="0" fontId="7" fillId="0" borderId="19" xfId="0" applyFont="1" applyBorder="1" applyAlignment="1">
      <alignment horizontal="left" vertical="center" wrapText="1"/>
    </xf>
    <xf numFmtId="49" fontId="7" fillId="0" borderId="31" xfId="0" applyNumberFormat="1" applyFont="1" applyBorder="1" applyAlignment="1">
      <alignment horizontal="center" vertical="center" wrapText="1"/>
    </xf>
    <xf numFmtId="0" fontId="1" fillId="0" borderId="32" xfId="0" applyFont="1" applyBorder="1" applyAlignment="1">
      <alignment horizontal="left" vertical="center" wrapText="1"/>
    </xf>
    <xf numFmtId="0" fontId="7" fillId="0" borderId="32" xfId="0" applyFont="1" applyBorder="1" applyAlignment="1">
      <alignment horizontal="center" vertical="center" wrapText="1"/>
    </xf>
    <xf numFmtId="0" fontId="7" fillId="0" borderId="32" xfId="0" applyFont="1" applyBorder="1" applyAlignment="1">
      <alignment horizontal="left" vertical="center" wrapText="1"/>
    </xf>
    <xf numFmtId="49" fontId="7" fillId="0" borderId="36" xfId="0" applyNumberFormat="1" applyFont="1" applyBorder="1" applyAlignment="1">
      <alignment horizontal="center" vertical="center" wrapText="1"/>
    </xf>
    <xf numFmtId="49" fontId="1" fillId="0" borderId="37" xfId="0" applyNumberFormat="1" applyFont="1" applyBorder="1" applyAlignment="1">
      <alignment horizontal="center" vertical="center" wrapText="1"/>
    </xf>
    <xf numFmtId="49" fontId="1" fillId="0" borderId="30" xfId="0" applyNumberFormat="1" applyFont="1" applyBorder="1" applyAlignment="1">
      <alignment horizontal="center" vertical="center" wrapText="1"/>
    </xf>
    <xf numFmtId="49" fontId="1" fillId="0" borderId="38" xfId="0" applyNumberFormat="1" applyFont="1" applyBorder="1" applyAlignment="1">
      <alignment horizontal="center" vertical="center" wrapText="1"/>
    </xf>
    <xf numFmtId="49" fontId="1" fillId="0" borderId="39" xfId="0" applyNumberFormat="1" applyFont="1" applyBorder="1" applyAlignment="1">
      <alignment horizontal="center" vertical="center" wrapText="1"/>
    </xf>
    <xf numFmtId="0" fontId="1" fillId="0" borderId="19" xfId="0" applyFont="1" applyBorder="1" applyAlignment="1">
      <alignment horizontal="left" vertical="top" wrapText="1"/>
    </xf>
    <xf numFmtId="0" fontId="1" fillId="0" borderId="32" xfId="0" applyFont="1" applyBorder="1" applyAlignment="1">
      <alignment horizontal="left" vertical="top" wrapText="1"/>
    </xf>
    <xf numFmtId="0" fontId="1" fillId="0" borderId="0" xfId="0" applyFont="1" applyAlignment="1">
      <alignment horizontal="left" vertical="center" wrapText="1"/>
    </xf>
    <xf numFmtId="0" fontId="7" fillId="0" borderId="0" xfId="0" applyFont="1" applyAlignment="1">
      <alignment horizontal="center" vertical="center" wrapText="1"/>
    </xf>
    <xf numFmtId="0" fontId="1" fillId="0" borderId="49" xfId="0" applyFont="1" applyBorder="1" applyAlignment="1">
      <alignment horizontal="left" vertical="center" wrapText="1"/>
    </xf>
    <xf numFmtId="0" fontId="7" fillId="0" borderId="40" xfId="0" applyFont="1" applyBorder="1" applyAlignment="1">
      <alignment horizontal="center" vertical="center" wrapText="1"/>
    </xf>
    <xf numFmtId="0" fontId="7" fillId="0" borderId="44" xfId="0" applyFont="1" applyBorder="1" applyAlignment="1">
      <alignment horizontal="center" vertical="center" wrapText="1"/>
    </xf>
    <xf numFmtId="0" fontId="7" fillId="0" borderId="48" xfId="0" applyFont="1" applyBorder="1" applyAlignment="1">
      <alignment horizontal="center" vertical="center" wrapText="1"/>
    </xf>
    <xf numFmtId="0" fontId="7" fillId="0" borderId="1" xfId="0" applyFont="1" applyBorder="1" applyAlignment="1">
      <alignment horizontal="center" vertical="center" wrapText="1"/>
    </xf>
    <xf numFmtId="0" fontId="1" fillId="0" borderId="25" xfId="0" applyFont="1" applyBorder="1" applyAlignment="1">
      <alignment horizontal="left" vertical="top" wrapText="1"/>
    </xf>
    <xf numFmtId="0" fontId="1" fillId="0" borderId="50" xfId="0" applyFont="1" applyBorder="1" applyAlignment="1">
      <alignment horizontal="left" vertical="center" wrapText="1"/>
    </xf>
    <xf numFmtId="0" fontId="1" fillId="0" borderId="40" xfId="0" applyFont="1" applyBorder="1" applyAlignment="1">
      <alignment horizontal="left" vertical="center" wrapText="1"/>
    </xf>
    <xf numFmtId="0" fontId="1" fillId="0" borderId="20" xfId="0" applyFont="1" applyBorder="1" applyAlignment="1">
      <alignment horizontal="left" vertical="center" wrapText="1"/>
    </xf>
    <xf numFmtId="0" fontId="1" fillId="0" borderId="26" xfId="0" applyFont="1" applyBorder="1" applyAlignment="1">
      <alignment horizontal="left" vertical="center" wrapText="1"/>
    </xf>
    <xf numFmtId="0" fontId="7" fillId="0" borderId="53" xfId="0" applyFont="1" applyBorder="1" applyAlignment="1">
      <alignment horizontal="center" vertical="center" wrapText="1"/>
    </xf>
    <xf numFmtId="0" fontId="7" fillId="0" borderId="18" xfId="0" applyFont="1" applyBorder="1" applyAlignment="1">
      <alignment horizontal="center" vertical="center" wrapText="1"/>
    </xf>
    <xf numFmtId="16" fontId="7" fillId="0" borderId="18" xfId="0" applyNumberFormat="1" applyFont="1" applyBorder="1" applyAlignment="1">
      <alignment horizontal="center" vertical="center" wrapText="1"/>
    </xf>
    <xf numFmtId="0" fontId="7" fillId="0" borderId="20" xfId="0" applyFont="1" applyBorder="1" applyAlignment="1">
      <alignment horizontal="left" vertical="center" wrapText="1"/>
    </xf>
    <xf numFmtId="16" fontId="7" fillId="0" borderId="24" xfId="0" applyNumberFormat="1" applyFont="1" applyBorder="1" applyAlignment="1">
      <alignment horizontal="center" vertical="center" wrapText="1"/>
    </xf>
    <xf numFmtId="0" fontId="7" fillId="0" borderId="25" xfId="0" applyFont="1" applyBorder="1" applyAlignment="1">
      <alignment horizontal="left" vertical="center" wrapText="1"/>
    </xf>
    <xf numFmtId="0" fontId="7" fillId="0" borderId="31" xfId="0" applyFont="1" applyBorder="1" applyAlignment="1">
      <alignment horizontal="center" vertical="center" wrapText="1"/>
    </xf>
    <xf numFmtId="0" fontId="1" fillId="0" borderId="13" xfId="0" applyFont="1" applyBorder="1" applyAlignment="1">
      <alignment horizontal="left" vertical="top" wrapText="1"/>
    </xf>
    <xf numFmtId="0" fontId="7" fillId="0" borderId="54" xfId="0" applyFont="1" applyBorder="1" applyAlignment="1">
      <alignment horizontal="center" vertical="center" wrapText="1"/>
    </xf>
    <xf numFmtId="0" fontId="1" fillId="0" borderId="13" xfId="0" applyFont="1" applyBorder="1" applyAlignment="1">
      <alignment horizontal="left" vertical="center" wrapText="1"/>
    </xf>
    <xf numFmtId="49" fontId="7" fillId="0" borderId="19" xfId="0" applyNumberFormat="1" applyFont="1" applyBorder="1" applyAlignment="1">
      <alignment horizontal="left" vertical="center" wrapText="1"/>
    </xf>
    <xf numFmtId="0" fontId="7" fillId="0" borderId="50" xfId="0" applyFont="1" applyBorder="1" applyAlignment="1">
      <alignment horizontal="center" vertical="center" wrapText="1"/>
    </xf>
    <xf numFmtId="49" fontId="1" fillId="0" borderId="51" xfId="0" applyNumberFormat="1" applyFont="1" applyBorder="1" applyAlignment="1">
      <alignment horizontal="left" vertical="top"/>
    </xf>
    <xf numFmtId="49" fontId="7" fillId="0" borderId="7" xfId="0" applyNumberFormat="1" applyFont="1" applyBorder="1" applyAlignment="1">
      <alignment horizontal="center" vertical="center" wrapText="1"/>
    </xf>
    <xf numFmtId="0" fontId="12" fillId="0" borderId="0" xfId="0" applyFont="1" applyAlignment="1">
      <alignment horizontal="left" vertical="center" wrapText="1"/>
    </xf>
    <xf numFmtId="49" fontId="7" fillId="0" borderId="12" xfId="0" applyNumberFormat="1" applyFont="1" applyBorder="1" applyAlignment="1">
      <alignment horizontal="center" vertical="center" wrapText="1"/>
    </xf>
    <xf numFmtId="0" fontId="7" fillId="0" borderId="56" xfId="0" applyFont="1" applyBorder="1" applyAlignment="1">
      <alignment horizontal="center" vertical="center" wrapText="1"/>
    </xf>
    <xf numFmtId="0" fontId="7" fillId="0" borderId="50" xfId="0" applyFont="1" applyBorder="1" applyAlignment="1">
      <alignment horizontal="left" vertical="center" wrapText="1"/>
    </xf>
    <xf numFmtId="16" fontId="7" fillId="0" borderId="31" xfId="0" applyNumberFormat="1" applyFont="1" applyBorder="1" applyAlignment="1">
      <alignment horizontal="center" vertical="center" wrapText="1"/>
    </xf>
    <xf numFmtId="16" fontId="7" fillId="0" borderId="56" xfId="0" applyNumberFormat="1" applyFont="1" applyBorder="1" applyAlignment="1">
      <alignment horizontal="center" vertical="center" wrapText="1"/>
    </xf>
    <xf numFmtId="0" fontId="1" fillId="0" borderId="28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49" fontId="1" fillId="0" borderId="20" xfId="0" applyNumberFormat="1" applyFont="1" applyBorder="1" applyAlignment="1">
      <alignment horizontal="center" vertical="center" wrapText="1"/>
    </xf>
    <xf numFmtId="49" fontId="1" fillId="0" borderId="21" xfId="0" applyNumberFormat="1" applyFont="1" applyBorder="1" applyAlignment="1">
      <alignment horizontal="center" vertical="center" wrapText="1"/>
    </xf>
    <xf numFmtId="0" fontId="7" fillId="0" borderId="0" xfId="1" applyAlignment="1">
      <alignment horizontal="left" vertical="center" wrapText="1"/>
    </xf>
    <xf numFmtId="0" fontId="1" fillId="0" borderId="0" xfId="0" applyFont="1" applyAlignment="1" applyProtection="1">
      <alignment horizontal="left" vertical="top" wrapText="1"/>
      <protection locked="0"/>
    </xf>
    <xf numFmtId="49" fontId="1" fillId="0" borderId="22" xfId="0" applyNumberFormat="1" applyFont="1" applyBorder="1" applyAlignment="1">
      <alignment horizontal="center" vertical="center" wrapText="1"/>
    </xf>
    <xf numFmtId="49" fontId="1" fillId="0" borderId="23" xfId="0" applyNumberFormat="1" applyFont="1" applyBorder="1" applyAlignment="1">
      <alignment horizontal="center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13" fillId="0" borderId="0" xfId="0" applyFont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1" xfId="0" applyFont="1" applyBorder="1" applyAlignment="1" applyProtection="1">
      <alignment vertical="center"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49" fontId="2" fillId="2" borderId="2" xfId="0" applyNumberFormat="1" applyFont="1" applyFill="1" applyBorder="1" applyAlignment="1">
      <alignment horizontal="left" vertical="top" wrapText="1"/>
    </xf>
    <xf numFmtId="49" fontId="2" fillId="2" borderId="3" xfId="0" applyNumberFormat="1" applyFont="1" applyFill="1" applyBorder="1" applyAlignment="1">
      <alignment horizontal="left" vertical="top" wrapText="1"/>
    </xf>
    <xf numFmtId="49" fontId="2" fillId="2" borderId="7" xfId="0" applyNumberFormat="1" applyFont="1" applyFill="1" applyBorder="1" applyAlignment="1">
      <alignment horizontal="left" vertical="top" wrapText="1"/>
    </xf>
    <xf numFmtId="49" fontId="2" fillId="2" borderId="8" xfId="0" applyNumberFormat="1" applyFont="1" applyFill="1" applyBorder="1" applyAlignment="1">
      <alignment horizontal="left" vertical="top" wrapText="1"/>
    </xf>
    <xf numFmtId="0" fontId="2" fillId="2" borderId="4" xfId="0" applyFont="1" applyFill="1" applyBorder="1" applyAlignment="1">
      <alignment horizontal="center" vertical="top" wrapText="1"/>
    </xf>
    <xf numFmtId="0" fontId="2" fillId="2" borderId="5" xfId="0" applyFont="1" applyFill="1" applyBorder="1" applyAlignment="1">
      <alignment horizontal="center" vertical="top" wrapText="1"/>
    </xf>
    <xf numFmtId="0" fontId="2" fillId="2" borderId="6" xfId="0" applyFont="1" applyFill="1" applyBorder="1" applyAlignment="1">
      <alignment horizontal="center" vertical="top" wrapText="1"/>
    </xf>
    <xf numFmtId="49" fontId="1" fillId="2" borderId="10" xfId="0" applyNumberFormat="1" applyFont="1" applyFill="1" applyBorder="1" applyAlignment="1">
      <alignment horizontal="center" vertical="center" wrapText="1"/>
    </xf>
    <xf numFmtId="49" fontId="1" fillId="2" borderId="11" xfId="0" applyNumberFormat="1" applyFont="1" applyFill="1" applyBorder="1" applyAlignment="1">
      <alignment horizontal="center" vertical="center" wrapText="1"/>
    </xf>
    <xf numFmtId="49" fontId="6" fillId="3" borderId="12" xfId="0" applyNumberFormat="1" applyFont="1" applyFill="1" applyBorder="1" applyAlignment="1">
      <alignment horizontal="left" vertical="center" wrapText="1"/>
    </xf>
    <xf numFmtId="49" fontId="6" fillId="3" borderId="13" xfId="0" applyNumberFormat="1" applyFont="1" applyFill="1" applyBorder="1" applyAlignment="1">
      <alignment horizontal="left" vertical="center" wrapText="1"/>
    </xf>
    <xf numFmtId="49" fontId="6" fillId="3" borderId="14" xfId="0" applyNumberFormat="1" applyFont="1" applyFill="1" applyBorder="1" applyAlignment="1">
      <alignment horizontal="left" vertical="center" wrapText="1"/>
    </xf>
    <xf numFmtId="49" fontId="5" fillId="3" borderId="12" xfId="0" applyNumberFormat="1" applyFont="1" applyFill="1" applyBorder="1" applyAlignment="1">
      <alignment horizontal="left" vertical="center" wrapText="1"/>
    </xf>
    <xf numFmtId="49" fontId="5" fillId="3" borderId="13" xfId="0" applyNumberFormat="1" applyFont="1" applyFill="1" applyBorder="1" applyAlignment="1">
      <alignment horizontal="left" vertical="center" wrapText="1"/>
    </xf>
    <xf numFmtId="49" fontId="5" fillId="3" borderId="14" xfId="0" applyNumberFormat="1" applyFont="1" applyFill="1" applyBorder="1" applyAlignment="1">
      <alignment horizontal="left" vertical="center" wrapText="1"/>
    </xf>
    <xf numFmtId="49" fontId="1" fillId="0" borderId="16" xfId="0" applyNumberFormat="1" applyFont="1" applyBorder="1" applyAlignment="1">
      <alignment horizontal="center" vertical="center" wrapText="1"/>
    </xf>
    <xf numFmtId="49" fontId="1" fillId="0" borderId="17" xfId="0" applyNumberFormat="1" applyFont="1" applyBorder="1" applyAlignment="1">
      <alignment horizontal="center" vertical="center" wrapText="1"/>
    </xf>
    <xf numFmtId="0" fontId="1" fillId="0" borderId="28" xfId="0" applyFont="1" applyBorder="1" applyAlignment="1" applyProtection="1">
      <alignment horizontal="center" wrapText="1"/>
      <protection locked="0"/>
    </xf>
    <xf numFmtId="49" fontId="1" fillId="0" borderId="26" xfId="0" applyNumberFormat="1" applyFont="1" applyBorder="1" applyAlignment="1">
      <alignment horizontal="center" vertical="center" wrapText="1"/>
    </xf>
    <xf numFmtId="49" fontId="1" fillId="0" borderId="27" xfId="0" applyNumberFormat="1" applyFont="1" applyBorder="1" applyAlignment="1">
      <alignment horizontal="center" vertical="center" wrapText="1"/>
    </xf>
    <xf numFmtId="49" fontId="1" fillId="0" borderId="33" xfId="0" applyNumberFormat="1" applyFont="1" applyBorder="1" applyAlignment="1">
      <alignment horizontal="center" vertical="center" wrapText="1"/>
    </xf>
    <xf numFmtId="49" fontId="1" fillId="0" borderId="14" xfId="0" applyNumberFormat="1" applyFont="1" applyBorder="1" applyAlignment="1">
      <alignment horizontal="center" vertical="center" wrapText="1"/>
    </xf>
    <xf numFmtId="49" fontId="1" fillId="0" borderId="34" xfId="0" applyNumberFormat="1" applyFont="1" applyBorder="1" applyAlignment="1">
      <alignment horizontal="center" vertical="center" wrapText="1"/>
    </xf>
    <xf numFmtId="49" fontId="1" fillId="0" borderId="35" xfId="0" applyNumberFormat="1" applyFont="1" applyBorder="1" applyAlignment="1">
      <alignment horizontal="center" vertical="center" wrapText="1"/>
    </xf>
    <xf numFmtId="49" fontId="1" fillId="0" borderId="38" xfId="0" applyNumberFormat="1" applyFont="1" applyBorder="1" applyAlignment="1">
      <alignment horizontal="center" vertical="center" wrapText="1"/>
    </xf>
    <xf numFmtId="49" fontId="1" fillId="0" borderId="39" xfId="0" applyNumberFormat="1" applyFont="1" applyBorder="1" applyAlignment="1">
      <alignment horizontal="center" vertical="center" wrapText="1"/>
    </xf>
    <xf numFmtId="49" fontId="7" fillId="0" borderId="2" xfId="0" applyNumberFormat="1" applyFont="1" applyBorder="1" applyAlignment="1">
      <alignment horizontal="left" vertical="center" wrapText="1"/>
    </xf>
    <xf numFmtId="49" fontId="7" fillId="0" borderId="3" xfId="0" applyNumberFormat="1" applyFont="1" applyBorder="1" applyAlignment="1">
      <alignment horizontal="left" vertical="center" wrapText="1"/>
    </xf>
    <xf numFmtId="49" fontId="1" fillId="0" borderId="25" xfId="0" applyNumberFormat="1" applyFont="1" applyBorder="1" applyAlignment="1">
      <alignment horizontal="center" vertical="center" wrapText="1"/>
    </xf>
    <xf numFmtId="49" fontId="1" fillId="0" borderId="43" xfId="0" applyNumberFormat="1" applyFont="1" applyBorder="1" applyAlignment="1">
      <alignment horizontal="center" vertical="center" wrapText="1"/>
    </xf>
    <xf numFmtId="49" fontId="1" fillId="0" borderId="19" xfId="0" applyNumberFormat="1" applyFont="1" applyBorder="1" applyAlignment="1">
      <alignment horizontal="center" vertical="center" wrapText="1"/>
    </xf>
    <xf numFmtId="49" fontId="1" fillId="0" borderId="42" xfId="0" applyNumberFormat="1" applyFont="1" applyBorder="1" applyAlignment="1">
      <alignment horizontal="center" vertical="center" wrapText="1"/>
    </xf>
    <xf numFmtId="49" fontId="1" fillId="0" borderId="40" xfId="0" applyNumberFormat="1" applyFont="1" applyBorder="1" applyAlignment="1">
      <alignment horizontal="center" vertical="center" wrapText="1"/>
    </xf>
    <xf numFmtId="49" fontId="1" fillId="0" borderId="41" xfId="0" applyNumberFormat="1" applyFont="1" applyBorder="1" applyAlignment="1">
      <alignment horizontal="center" vertical="center" wrapText="1"/>
    </xf>
    <xf numFmtId="49" fontId="1" fillId="0" borderId="45" xfId="0" applyNumberFormat="1" applyFont="1" applyBorder="1" applyAlignment="1">
      <alignment horizontal="center" vertical="center" wrapText="1"/>
    </xf>
    <xf numFmtId="49" fontId="1" fillId="0" borderId="46" xfId="0" applyNumberFormat="1" applyFont="1" applyBorder="1" applyAlignment="1">
      <alignment horizontal="center" vertical="center" wrapText="1"/>
    </xf>
    <xf numFmtId="49" fontId="1" fillId="0" borderId="50" xfId="0" applyNumberFormat="1" applyFont="1" applyBorder="1" applyAlignment="1">
      <alignment horizontal="center" vertical="center" wrapText="1"/>
    </xf>
    <xf numFmtId="49" fontId="1" fillId="0" borderId="55" xfId="0" applyNumberFormat="1" applyFont="1" applyBorder="1" applyAlignment="1">
      <alignment horizontal="center" vertical="center" wrapText="1"/>
    </xf>
    <xf numFmtId="49" fontId="1" fillId="0" borderId="32" xfId="0" applyNumberFormat="1" applyFont="1" applyBorder="1" applyAlignment="1">
      <alignment horizontal="center" vertical="center" wrapText="1"/>
    </xf>
    <xf numFmtId="49" fontId="1" fillId="0" borderId="52" xfId="0" applyNumberFormat="1" applyFont="1" applyBorder="1" applyAlignment="1">
      <alignment horizontal="center" vertical="center" wrapText="1"/>
    </xf>
    <xf numFmtId="49" fontId="5" fillId="3" borderId="47" xfId="0" applyNumberFormat="1" applyFont="1" applyFill="1" applyBorder="1" applyAlignment="1">
      <alignment horizontal="left" vertical="center" wrapText="1"/>
    </xf>
    <xf numFmtId="49" fontId="5" fillId="3" borderId="48" xfId="0" applyNumberFormat="1" applyFont="1" applyFill="1" applyBorder="1" applyAlignment="1">
      <alignment horizontal="left" vertical="center" wrapText="1"/>
    </xf>
    <xf numFmtId="49" fontId="5" fillId="3" borderId="27" xfId="0" applyNumberFormat="1" applyFont="1" applyFill="1" applyBorder="1" applyAlignment="1">
      <alignment horizontal="left" vertical="center" wrapText="1"/>
    </xf>
    <xf numFmtId="0" fontId="14" fillId="0" borderId="19" xfId="0" applyFont="1" applyBorder="1" applyAlignment="1">
      <alignment horizontal="left" vertical="center" wrapText="1"/>
    </xf>
  </cellXfs>
  <cellStyles count="4">
    <cellStyle name="Normálna" xfId="0" builtinId="0"/>
    <cellStyle name="normálne 2 2" xfId="1" xr:uid="{A3579B64-88BD-4A6D-8B81-57C6522A41F1}"/>
    <cellStyle name="normálne 2 2 2" xfId="3" xr:uid="{85C2CDF4-F588-4964-918C-2BDAED8845F7}"/>
    <cellStyle name="Normálne 4" xfId="2" xr:uid="{DF24D1EC-992A-42DB-8A96-48DF12A6FB36}"/>
  </cellStyles>
  <dxfs count="19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theme" Target="theme/theme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61" Type="http://schemas.openxmlformats.org/officeDocument/2006/relationships/worksheet" Target="worksheets/sheet61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calcChain" Target="calcChain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styles" Target="styles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7B0274D-5306-4784-AD35-5FE19605088B}">
  <sheetPr>
    <tabColor rgb="FFD3B5E9"/>
  </sheetPr>
  <dimension ref="B1:L50"/>
  <sheetViews>
    <sheetView showGridLines="0" tabSelected="1" zoomScale="90" zoomScaleNormal="90" workbookViewId="0">
      <selection activeCell="B9" sqref="B9:F9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3.7109375" style="2" customWidth="1"/>
    <col min="4" max="4" width="16.42578125" style="2" customWidth="1"/>
    <col min="5" max="5" width="13.7109375" style="1" customWidth="1"/>
    <col min="6" max="6" width="15.855468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">
        <v>696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16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0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5.1" customHeight="1" thickBot="1" x14ac:dyDescent="0.3">
      <c r="B8" s="110" t="s">
        <v>67</v>
      </c>
      <c r="C8" s="111"/>
      <c r="D8" s="111"/>
      <c r="E8" s="111"/>
      <c r="F8" s="112"/>
    </row>
    <row r="9" spans="2:12" s="9" customFormat="1" ht="24.95" customHeight="1" thickBot="1" x14ac:dyDescent="0.3">
      <c r="B9" s="113" t="s">
        <v>17</v>
      </c>
      <c r="C9" s="114"/>
      <c r="D9" s="114"/>
      <c r="E9" s="114"/>
      <c r="F9" s="115"/>
    </row>
    <row r="10" spans="2:12" s="9" customFormat="1" ht="24.95" customHeight="1" x14ac:dyDescent="0.25">
      <c r="B10" s="36" t="s">
        <v>18</v>
      </c>
      <c r="C10" s="35" t="s">
        <v>19</v>
      </c>
      <c r="D10" s="10"/>
      <c r="E10" s="116"/>
      <c r="F10" s="117"/>
    </row>
    <row r="11" spans="2:12" s="9" customFormat="1" ht="24.95" customHeight="1" x14ac:dyDescent="0.25">
      <c r="B11" s="36" t="s">
        <v>20</v>
      </c>
      <c r="C11" s="35" t="s">
        <v>21</v>
      </c>
      <c r="D11" s="11"/>
      <c r="E11" s="90"/>
      <c r="F11" s="91"/>
    </row>
    <row r="12" spans="2:12" s="9" customFormat="1" ht="24.95" customHeight="1" x14ac:dyDescent="0.25">
      <c r="B12" s="36" t="s">
        <v>22</v>
      </c>
      <c r="C12" s="35" t="s">
        <v>23</v>
      </c>
      <c r="D12" s="11"/>
      <c r="E12" s="90"/>
      <c r="F12" s="91"/>
    </row>
    <row r="13" spans="2:12" s="9" customFormat="1" ht="24.95" customHeight="1" x14ac:dyDescent="0.25">
      <c r="B13" s="36" t="s">
        <v>24</v>
      </c>
      <c r="C13" s="144" t="s">
        <v>697</v>
      </c>
      <c r="D13" s="11"/>
      <c r="E13" s="90"/>
      <c r="F13" s="91"/>
    </row>
    <row r="14" spans="2:12" s="9" customFormat="1" ht="24.95" customHeight="1" x14ac:dyDescent="0.25">
      <c r="B14" s="36" t="s">
        <v>25</v>
      </c>
      <c r="C14" s="35" t="s">
        <v>26</v>
      </c>
      <c r="D14" s="11"/>
      <c r="E14" s="90"/>
      <c r="F14" s="91"/>
    </row>
    <row r="15" spans="2:12" s="9" customFormat="1" ht="24.95" customHeight="1" x14ac:dyDescent="0.25">
      <c r="B15" s="36" t="s">
        <v>27</v>
      </c>
      <c r="C15" s="35" t="s">
        <v>28</v>
      </c>
      <c r="D15" s="11"/>
      <c r="E15" s="90"/>
      <c r="F15" s="91"/>
    </row>
    <row r="16" spans="2:12" s="9" customFormat="1" ht="24.95" customHeight="1" x14ac:dyDescent="0.25">
      <c r="B16" s="36" t="s">
        <v>29</v>
      </c>
      <c r="C16" s="35" t="s">
        <v>30</v>
      </c>
      <c r="D16" s="11"/>
      <c r="E16" s="90"/>
      <c r="F16" s="91"/>
    </row>
    <row r="17" spans="2:6" s="9" customFormat="1" ht="24.95" customHeight="1" x14ac:dyDescent="0.25">
      <c r="B17" s="36" t="s">
        <v>31</v>
      </c>
      <c r="C17" s="35" t="s">
        <v>32</v>
      </c>
      <c r="D17" s="11"/>
      <c r="E17" s="12"/>
      <c r="F17" s="13"/>
    </row>
    <row r="18" spans="2:6" s="9" customFormat="1" ht="24.95" customHeight="1" x14ac:dyDescent="0.25">
      <c r="B18" s="36" t="s">
        <v>33</v>
      </c>
      <c r="C18" s="35" t="s">
        <v>68</v>
      </c>
      <c r="D18" s="11"/>
      <c r="E18" s="12"/>
      <c r="F18" s="13"/>
    </row>
    <row r="19" spans="2:6" s="9" customFormat="1" ht="24.95" customHeight="1" x14ac:dyDescent="0.25">
      <c r="B19" s="36" t="s">
        <v>34</v>
      </c>
      <c r="C19" s="35" t="s">
        <v>35</v>
      </c>
      <c r="D19" s="11"/>
      <c r="E19" s="12"/>
      <c r="F19" s="13"/>
    </row>
    <row r="20" spans="2:6" s="9" customFormat="1" ht="24.95" customHeight="1" x14ac:dyDescent="0.25">
      <c r="B20" s="36" t="s">
        <v>36</v>
      </c>
      <c r="C20" s="35" t="s">
        <v>37</v>
      </c>
      <c r="D20" s="11"/>
      <c r="E20" s="12"/>
      <c r="F20" s="13"/>
    </row>
    <row r="21" spans="2:6" s="9" customFormat="1" ht="24.95" customHeight="1" x14ac:dyDescent="0.25">
      <c r="B21" s="36" t="s">
        <v>38</v>
      </c>
      <c r="C21" s="35" t="s">
        <v>39</v>
      </c>
      <c r="D21" s="11"/>
      <c r="E21" s="12"/>
      <c r="F21" s="13"/>
    </row>
    <row r="22" spans="2:6" s="9" customFormat="1" ht="24.95" customHeight="1" x14ac:dyDescent="0.25">
      <c r="B22" s="36" t="s">
        <v>40</v>
      </c>
      <c r="C22" s="35" t="s">
        <v>41</v>
      </c>
      <c r="D22" s="11"/>
      <c r="E22" s="12"/>
      <c r="F22" s="13"/>
    </row>
    <row r="23" spans="2:6" s="9" customFormat="1" ht="24.95" customHeight="1" x14ac:dyDescent="0.25">
      <c r="B23" s="36" t="s">
        <v>42</v>
      </c>
      <c r="C23" s="35" t="s">
        <v>43</v>
      </c>
      <c r="D23" s="11"/>
      <c r="E23" s="12"/>
      <c r="F23" s="13"/>
    </row>
    <row r="24" spans="2:6" s="9" customFormat="1" ht="24.95" customHeight="1" x14ac:dyDescent="0.25">
      <c r="B24" s="36" t="s">
        <v>44</v>
      </c>
      <c r="C24" s="144" t="s">
        <v>698</v>
      </c>
      <c r="D24" s="11"/>
      <c r="E24" s="12"/>
      <c r="F24" s="13"/>
    </row>
    <row r="25" spans="2:6" s="9" customFormat="1" ht="24.95" customHeight="1" x14ac:dyDescent="0.25">
      <c r="B25" s="36" t="s">
        <v>45</v>
      </c>
      <c r="C25" s="35" t="s">
        <v>46</v>
      </c>
      <c r="D25" s="11"/>
      <c r="E25" s="12"/>
      <c r="F25" s="13"/>
    </row>
    <row r="26" spans="2:6" s="9" customFormat="1" ht="24.95" customHeight="1" x14ac:dyDescent="0.25">
      <c r="B26" s="36" t="s">
        <v>47</v>
      </c>
      <c r="C26" s="35" t="s">
        <v>48</v>
      </c>
      <c r="D26" s="11"/>
      <c r="E26" s="12"/>
      <c r="F26" s="13"/>
    </row>
    <row r="27" spans="2:6" s="9" customFormat="1" ht="24.95" customHeight="1" x14ac:dyDescent="0.25">
      <c r="B27" s="36" t="s">
        <v>49</v>
      </c>
      <c r="C27" s="35" t="s">
        <v>50</v>
      </c>
      <c r="D27" s="11"/>
      <c r="E27" s="12"/>
      <c r="F27" s="13"/>
    </row>
    <row r="28" spans="2:6" s="9" customFormat="1" ht="24.95" customHeight="1" x14ac:dyDescent="0.25">
      <c r="B28" s="36" t="s">
        <v>51</v>
      </c>
      <c r="C28" s="35" t="s">
        <v>52</v>
      </c>
      <c r="D28" s="11"/>
      <c r="E28" s="12"/>
      <c r="F28" s="13"/>
    </row>
    <row r="29" spans="2:6" s="9" customFormat="1" ht="24.95" customHeight="1" x14ac:dyDescent="0.25">
      <c r="B29" s="36" t="s">
        <v>53</v>
      </c>
      <c r="C29" s="35" t="s">
        <v>54</v>
      </c>
      <c r="D29" s="11"/>
      <c r="E29" s="12"/>
      <c r="F29" s="13"/>
    </row>
    <row r="30" spans="2:6" s="9" customFormat="1" ht="24.95" customHeight="1" x14ac:dyDescent="0.25">
      <c r="B30" s="36" t="s">
        <v>55</v>
      </c>
      <c r="C30" s="35" t="s">
        <v>56</v>
      </c>
      <c r="D30" s="11"/>
      <c r="E30" s="90"/>
      <c r="F30" s="91"/>
    </row>
    <row r="31" spans="2:6" s="9" customFormat="1" ht="24.95" customHeight="1" x14ac:dyDescent="0.25">
      <c r="B31" s="36" t="s">
        <v>57</v>
      </c>
      <c r="C31" s="35" t="s">
        <v>58</v>
      </c>
      <c r="D31" s="11"/>
      <c r="E31" s="94"/>
      <c r="F31" s="95"/>
    </row>
    <row r="32" spans="2:6" s="9" customFormat="1" ht="24.95" customHeight="1" x14ac:dyDescent="0.25">
      <c r="B32" s="36" t="s">
        <v>59</v>
      </c>
      <c r="C32" s="35" t="s">
        <v>60</v>
      </c>
      <c r="D32" s="11"/>
      <c r="E32" s="90"/>
      <c r="F32" s="91"/>
    </row>
    <row r="33" spans="2:11" s="9" customFormat="1" ht="24.95" customHeight="1" x14ac:dyDescent="0.25">
      <c r="B33" s="36" t="s">
        <v>61</v>
      </c>
      <c r="C33" s="35" t="s">
        <v>62</v>
      </c>
      <c r="D33" s="11"/>
      <c r="E33" s="12"/>
      <c r="F33" s="13"/>
    </row>
    <row r="34" spans="2:11" s="9" customFormat="1" ht="24.95" customHeight="1" x14ac:dyDescent="0.25">
      <c r="B34" s="36" t="s">
        <v>63</v>
      </c>
      <c r="C34" s="35" t="s">
        <v>64</v>
      </c>
      <c r="D34" s="11"/>
      <c r="E34" s="12"/>
      <c r="F34" s="13"/>
    </row>
    <row r="35" spans="2:11" s="9" customFormat="1" ht="24.95" customHeight="1" thickBot="1" x14ac:dyDescent="0.3">
      <c r="B35" s="37" t="s">
        <v>65</v>
      </c>
      <c r="C35" s="38" t="s">
        <v>66</v>
      </c>
      <c r="D35" s="16"/>
      <c r="E35" s="17"/>
      <c r="F35" s="18"/>
    </row>
    <row r="36" spans="2:11" s="9" customFormat="1" ht="12" customHeight="1" x14ac:dyDescent="0.25">
      <c r="B36" s="19"/>
      <c r="C36" s="20"/>
      <c r="D36" s="21"/>
      <c r="E36" s="22"/>
    </row>
    <row r="37" spans="2:11" s="24" customFormat="1" ht="20.100000000000001" customHeight="1" x14ac:dyDescent="0.25">
      <c r="B37" s="92" t="s">
        <v>6</v>
      </c>
      <c r="C37" s="92"/>
      <c r="D37" s="92"/>
      <c r="E37" s="92"/>
      <c r="F37" s="23"/>
      <c r="G37" s="23"/>
      <c r="H37" s="23"/>
      <c r="I37" s="23"/>
      <c r="J37" s="23"/>
      <c r="K37" s="23"/>
    </row>
    <row r="38" spans="2:11" s="24" customFormat="1" ht="20.100000000000001" customHeight="1" x14ac:dyDescent="0.25">
      <c r="B38" s="25"/>
      <c r="C38" s="25"/>
      <c r="D38" s="25"/>
      <c r="E38" s="25"/>
      <c r="F38" s="23"/>
      <c r="G38" s="23"/>
      <c r="H38" s="23"/>
      <c r="I38" s="23"/>
      <c r="J38" s="23"/>
      <c r="K38" s="23"/>
    </row>
    <row r="39" spans="2:11" s="26" customFormat="1" ht="30" customHeight="1" x14ac:dyDescent="0.25">
      <c r="B39" s="93" t="s">
        <v>7</v>
      </c>
      <c r="C39" s="93"/>
      <c r="D39" s="89"/>
      <c r="E39" s="89"/>
      <c r="H39" s="27"/>
    </row>
    <row r="40" spans="2:11" s="26" customFormat="1" ht="15" customHeight="1" x14ac:dyDescent="0.25">
      <c r="B40" s="88" t="s">
        <v>8</v>
      </c>
      <c r="C40" s="88"/>
      <c r="D40" s="89"/>
      <c r="E40" s="89"/>
    </row>
    <row r="41" spans="2:11" s="26" customFormat="1" ht="15" customHeight="1" x14ac:dyDescent="0.25">
      <c r="B41" s="88" t="s">
        <v>9</v>
      </c>
      <c r="C41" s="88"/>
      <c r="D41" s="89"/>
      <c r="E41" s="89"/>
    </row>
    <row r="42" spans="2:11" s="26" customFormat="1" ht="15" customHeight="1" x14ac:dyDescent="0.25">
      <c r="B42" s="88" t="s">
        <v>10</v>
      </c>
      <c r="C42" s="88"/>
      <c r="D42" s="89"/>
      <c r="E42" s="89"/>
    </row>
    <row r="45" spans="2:11" ht="15" customHeight="1" x14ac:dyDescent="0.2">
      <c r="B45" s="2" t="s">
        <v>11</v>
      </c>
      <c r="C45" s="28"/>
      <c r="D45" s="1"/>
      <c r="F45" s="2"/>
      <c r="G45" s="2"/>
      <c r="H45" s="2"/>
    </row>
    <row r="46" spans="2:11" ht="15" customHeight="1" x14ac:dyDescent="0.2">
      <c r="B46" s="2" t="s">
        <v>12</v>
      </c>
      <c r="C46" s="28"/>
      <c r="D46" s="1"/>
      <c r="F46" s="2"/>
      <c r="G46" s="2"/>
      <c r="H46" s="2"/>
    </row>
    <row r="47" spans="2:11" ht="39.950000000000003" customHeight="1" x14ac:dyDescent="0.2">
      <c r="E47" s="85"/>
      <c r="F47" s="85"/>
    </row>
    <row r="48" spans="2:11" ht="45" customHeight="1" x14ac:dyDescent="0.2">
      <c r="E48" s="86" t="s">
        <v>13</v>
      </c>
      <c r="F48" s="86"/>
      <c r="G48" s="29"/>
      <c r="H48" s="29"/>
    </row>
    <row r="49" spans="2:9" s="31" customFormat="1" x14ac:dyDescent="0.2">
      <c r="B49" s="87" t="s">
        <v>14</v>
      </c>
      <c r="C49" s="87"/>
      <c r="D49" s="30"/>
      <c r="E49" s="29"/>
      <c r="F49" s="1"/>
      <c r="G49" s="1"/>
      <c r="H49" s="1"/>
    </row>
    <row r="50" spans="2:9" s="31" customFormat="1" ht="12" customHeight="1" x14ac:dyDescent="0.2">
      <c r="B50" s="32"/>
      <c r="C50" s="33" t="s">
        <v>15</v>
      </c>
      <c r="D50" s="33"/>
      <c r="E50" s="34"/>
      <c r="F50" s="1"/>
      <c r="G50" s="1"/>
      <c r="H50" s="1"/>
      <c r="I50" s="29"/>
    </row>
  </sheetData>
  <mergeCells count="30">
    <mergeCell ref="E13:F13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1:F11"/>
    <mergeCell ref="E12:F12"/>
    <mergeCell ref="E32:F32"/>
    <mergeCell ref="B37:E37"/>
    <mergeCell ref="B39:C39"/>
    <mergeCell ref="D39:E39"/>
    <mergeCell ref="E14:F14"/>
    <mergeCell ref="E15:F15"/>
    <mergeCell ref="E16:F16"/>
    <mergeCell ref="E30:F30"/>
    <mergeCell ref="E31:F31"/>
    <mergeCell ref="E48:F48"/>
    <mergeCell ref="B49:C49"/>
    <mergeCell ref="B40:C40"/>
    <mergeCell ref="D40:E40"/>
    <mergeCell ref="B41:C41"/>
    <mergeCell ref="D41:E41"/>
    <mergeCell ref="B42:C42"/>
    <mergeCell ref="D42:E42"/>
  </mergeCells>
  <conditionalFormatting sqref="C45:C46">
    <cfRule type="containsBlanks" dxfId="195" priority="4">
      <formula>LEN(TRIM(C45))=0</formula>
    </cfRule>
  </conditionalFormatting>
  <conditionalFormatting sqref="D10:D35">
    <cfRule type="containsBlanks" dxfId="194" priority="1">
      <formula>LEN(TRIM(D10))=0</formula>
    </cfRule>
  </conditionalFormatting>
  <conditionalFormatting sqref="D39:E42">
    <cfRule type="containsBlanks" dxfId="193" priority="3">
      <formula>LEN(TRIM(D39))=0</formula>
    </cfRule>
  </conditionalFormatting>
  <pageMargins left="0.98425196850393704" right="0.78740157480314965" top="0.59055118110236227" bottom="0.59055118110236227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F906D94-D637-4939-B183-2A3D20A26EB0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136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42.75" customHeight="1" thickBot="1" x14ac:dyDescent="0.3">
      <c r="B8" s="110" t="s">
        <v>137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138</v>
      </c>
      <c r="C9" s="114"/>
      <c r="D9" s="114"/>
      <c r="E9" s="114"/>
      <c r="F9" s="115"/>
    </row>
    <row r="10" spans="2:12" s="9" customFormat="1" ht="102.75" thickBot="1" x14ac:dyDescent="0.3">
      <c r="B10" s="42" t="s">
        <v>18</v>
      </c>
      <c r="C10" s="43" t="s">
        <v>139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92" t="s">
        <v>6</v>
      </c>
      <c r="C12" s="92"/>
      <c r="D12" s="92"/>
      <c r="E12" s="92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7:C17"/>
    <mergeCell ref="D17:E17"/>
    <mergeCell ref="E22:F22"/>
    <mergeCell ref="E23:F23"/>
    <mergeCell ref="B24:C24"/>
    <mergeCell ref="B14:C14"/>
    <mergeCell ref="D14:E14"/>
    <mergeCell ref="B15:C15"/>
    <mergeCell ref="D15:E15"/>
    <mergeCell ref="B16:C16"/>
    <mergeCell ref="D16:E16"/>
    <mergeCell ref="B8:F8"/>
    <mergeCell ref="B9:F9"/>
    <mergeCell ref="E10:F10"/>
    <mergeCell ref="B12:E12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67" priority="3">
      <formula>LEN(TRIM(C20))=0</formula>
    </cfRule>
  </conditionalFormatting>
  <conditionalFormatting sqref="D10">
    <cfRule type="containsBlanks" dxfId="166" priority="1">
      <formula>LEN(TRIM(D10))=0</formula>
    </cfRule>
  </conditionalFormatting>
  <conditionalFormatting sqref="D14:E17">
    <cfRule type="containsBlanks" dxfId="165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9C136B1-3835-4F6A-8E1D-3D458870FEC9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140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0" customHeight="1" thickBot="1" x14ac:dyDescent="0.3">
      <c r="B8" s="110" t="s">
        <v>141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142</v>
      </c>
      <c r="C9" s="114"/>
      <c r="D9" s="114"/>
      <c r="E9" s="114"/>
      <c r="F9" s="115"/>
    </row>
    <row r="10" spans="2:12" s="9" customFormat="1" ht="69" customHeight="1" thickBot="1" x14ac:dyDescent="0.3">
      <c r="B10" s="42" t="s">
        <v>18</v>
      </c>
      <c r="C10" s="43" t="s">
        <v>143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92" t="s">
        <v>6</v>
      </c>
      <c r="C12" s="92"/>
      <c r="D12" s="92"/>
      <c r="E12" s="92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64" priority="3">
      <formula>LEN(TRIM(C20))=0</formula>
    </cfRule>
  </conditionalFormatting>
  <conditionalFormatting sqref="D10">
    <cfRule type="containsBlanks" dxfId="163" priority="1">
      <formula>LEN(TRIM(D10))=0</formula>
    </cfRule>
  </conditionalFormatting>
  <conditionalFormatting sqref="D14:E17">
    <cfRule type="containsBlanks" dxfId="162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EEBF9B4-832C-440A-BD77-2CD324CBC961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144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0" customHeight="1" thickBot="1" x14ac:dyDescent="0.3">
      <c r="B8" s="110" t="s">
        <v>145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146</v>
      </c>
      <c r="C9" s="114"/>
      <c r="D9" s="114"/>
      <c r="E9" s="114"/>
      <c r="F9" s="115"/>
    </row>
    <row r="10" spans="2:12" s="9" customFormat="1" ht="69" customHeight="1" thickBot="1" x14ac:dyDescent="0.3">
      <c r="B10" s="42" t="s">
        <v>18</v>
      </c>
      <c r="C10" s="45" t="s">
        <v>147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92" t="s">
        <v>6</v>
      </c>
      <c r="C12" s="92"/>
      <c r="D12" s="92"/>
      <c r="E12" s="92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61" priority="3">
      <formula>LEN(TRIM(C20))=0</formula>
    </cfRule>
  </conditionalFormatting>
  <conditionalFormatting sqref="D10">
    <cfRule type="containsBlanks" dxfId="160" priority="1">
      <formula>LEN(TRIM(D10))=0</formula>
    </cfRule>
  </conditionalFormatting>
  <conditionalFormatting sqref="D14:E17">
    <cfRule type="containsBlanks" dxfId="159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FCCA6A2-1C0C-4BA3-885A-04DD5958498A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148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42.75" customHeight="1" thickBot="1" x14ac:dyDescent="0.3">
      <c r="B8" s="110" t="s">
        <v>149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150</v>
      </c>
      <c r="C9" s="114"/>
      <c r="D9" s="114"/>
      <c r="E9" s="114"/>
      <c r="F9" s="115"/>
    </row>
    <row r="10" spans="2:12" s="9" customFormat="1" ht="77.25" thickBot="1" x14ac:dyDescent="0.3">
      <c r="B10" s="42" t="s">
        <v>18</v>
      </c>
      <c r="C10" s="43" t="s">
        <v>151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92" t="s">
        <v>6</v>
      </c>
      <c r="C12" s="92"/>
      <c r="D12" s="92"/>
      <c r="E12" s="92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58" priority="3">
      <formula>LEN(TRIM(C20))=0</formula>
    </cfRule>
  </conditionalFormatting>
  <conditionalFormatting sqref="D10">
    <cfRule type="containsBlanks" dxfId="157" priority="1">
      <formula>LEN(TRIM(D10))=0</formula>
    </cfRule>
  </conditionalFormatting>
  <conditionalFormatting sqref="D14:E17">
    <cfRule type="containsBlanks" dxfId="156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51C7461-B95E-4EA3-907C-11F56C7FE334}">
  <sheetPr>
    <tabColor rgb="FFD3B5E9"/>
  </sheetPr>
  <dimension ref="B1:L53"/>
  <sheetViews>
    <sheetView showGridLines="0" topLeftCell="A6" zoomScale="90" zoomScaleNormal="90" workbookViewId="0">
      <selection activeCell="A6" sqref="A6:XFD6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152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84.95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0" customHeight="1" thickBot="1" x14ac:dyDescent="0.3">
      <c r="B8" s="110" t="s">
        <v>153</v>
      </c>
      <c r="C8" s="111"/>
      <c r="D8" s="111"/>
      <c r="E8" s="111"/>
      <c r="F8" s="112"/>
    </row>
    <row r="9" spans="2:12" s="9" customFormat="1" ht="24.95" customHeight="1" thickBot="1" x14ac:dyDescent="0.3">
      <c r="B9" s="113" t="s">
        <v>154</v>
      </c>
      <c r="C9" s="114"/>
      <c r="D9" s="114"/>
      <c r="E9" s="114"/>
      <c r="F9" s="115"/>
    </row>
    <row r="10" spans="2:12" s="9" customFormat="1" ht="24.95" customHeight="1" thickBot="1" x14ac:dyDescent="0.3">
      <c r="B10" s="46" t="s">
        <v>18</v>
      </c>
      <c r="C10" s="35" t="s">
        <v>155</v>
      </c>
      <c r="D10" s="44"/>
      <c r="E10" s="123"/>
      <c r="F10" s="124"/>
    </row>
    <row r="11" spans="2:12" s="9" customFormat="1" ht="24.95" customHeight="1" thickBot="1" x14ac:dyDescent="0.3">
      <c r="B11" s="36" t="s">
        <v>20</v>
      </c>
      <c r="C11" s="35" t="s">
        <v>156</v>
      </c>
      <c r="D11" s="44"/>
      <c r="E11" s="14"/>
      <c r="F11" s="15"/>
    </row>
    <row r="12" spans="2:12" s="9" customFormat="1" ht="24.95" customHeight="1" thickBot="1" x14ac:dyDescent="0.3">
      <c r="B12" s="36" t="s">
        <v>22</v>
      </c>
      <c r="C12" s="35" t="s">
        <v>157</v>
      </c>
      <c r="D12" s="44"/>
      <c r="E12" s="14"/>
      <c r="F12" s="15"/>
    </row>
    <row r="13" spans="2:12" s="9" customFormat="1" ht="24.95" customHeight="1" thickBot="1" x14ac:dyDescent="0.3">
      <c r="B13" s="36" t="s">
        <v>24</v>
      </c>
      <c r="C13" s="35" t="s">
        <v>158</v>
      </c>
      <c r="D13" s="44"/>
      <c r="E13" s="14"/>
      <c r="F13" s="15"/>
    </row>
    <row r="14" spans="2:12" s="9" customFormat="1" ht="24.95" customHeight="1" thickBot="1" x14ac:dyDescent="0.3">
      <c r="B14" s="36" t="s">
        <v>25</v>
      </c>
      <c r="C14" s="35" t="s">
        <v>159</v>
      </c>
      <c r="D14" s="44"/>
      <c r="E14" s="14"/>
      <c r="F14" s="15"/>
    </row>
    <row r="15" spans="2:12" s="9" customFormat="1" ht="24.95" customHeight="1" thickBot="1" x14ac:dyDescent="0.3">
      <c r="B15" s="36" t="s">
        <v>27</v>
      </c>
      <c r="C15" s="35" t="s">
        <v>160</v>
      </c>
      <c r="D15" s="44"/>
      <c r="E15" s="14"/>
      <c r="F15" s="15"/>
    </row>
    <row r="16" spans="2:12" s="9" customFormat="1" ht="24.95" customHeight="1" thickBot="1" x14ac:dyDescent="0.3">
      <c r="B16" s="36" t="s">
        <v>29</v>
      </c>
      <c r="C16" s="35" t="s">
        <v>161</v>
      </c>
      <c r="D16" s="44"/>
      <c r="E16" s="14"/>
      <c r="F16" s="15"/>
    </row>
    <row r="17" spans="2:6" s="9" customFormat="1" ht="24.95" customHeight="1" thickBot="1" x14ac:dyDescent="0.3">
      <c r="B17" s="36" t="s">
        <v>31</v>
      </c>
      <c r="C17" s="35" t="s">
        <v>162</v>
      </c>
      <c r="D17" s="44"/>
      <c r="E17" s="14"/>
      <c r="F17" s="15"/>
    </row>
    <row r="18" spans="2:6" s="9" customFormat="1" ht="24.95" customHeight="1" thickBot="1" x14ac:dyDescent="0.3">
      <c r="B18" s="36" t="s">
        <v>33</v>
      </c>
      <c r="C18" s="35" t="s">
        <v>163</v>
      </c>
      <c r="D18" s="44"/>
      <c r="E18" s="14"/>
      <c r="F18" s="15"/>
    </row>
    <row r="19" spans="2:6" s="9" customFormat="1" ht="24.95" customHeight="1" thickBot="1" x14ac:dyDescent="0.3">
      <c r="B19" s="36" t="s">
        <v>34</v>
      </c>
      <c r="C19" s="35" t="s">
        <v>164</v>
      </c>
      <c r="D19" s="44"/>
      <c r="E19" s="14"/>
      <c r="F19" s="15"/>
    </row>
    <row r="20" spans="2:6" s="9" customFormat="1" ht="24.95" customHeight="1" thickBot="1" x14ac:dyDescent="0.3">
      <c r="B20" s="36" t="s">
        <v>36</v>
      </c>
      <c r="C20" s="35" t="s">
        <v>165</v>
      </c>
      <c r="D20" s="44"/>
      <c r="E20" s="14"/>
      <c r="F20" s="15"/>
    </row>
    <row r="21" spans="2:6" s="9" customFormat="1" ht="24.95" customHeight="1" thickBot="1" x14ac:dyDescent="0.3">
      <c r="B21" s="36" t="s">
        <v>38</v>
      </c>
      <c r="C21" s="35" t="s">
        <v>166</v>
      </c>
      <c r="D21" s="44"/>
      <c r="E21" s="14"/>
      <c r="F21" s="15"/>
    </row>
    <row r="22" spans="2:6" s="9" customFormat="1" ht="24.95" customHeight="1" thickBot="1" x14ac:dyDescent="0.3">
      <c r="B22" s="36" t="s">
        <v>40</v>
      </c>
      <c r="C22" s="35" t="s">
        <v>167</v>
      </c>
      <c r="D22" s="44"/>
      <c r="E22" s="14"/>
      <c r="F22" s="15"/>
    </row>
    <row r="23" spans="2:6" s="9" customFormat="1" ht="24.95" customHeight="1" thickBot="1" x14ac:dyDescent="0.3">
      <c r="B23" s="36" t="s">
        <v>42</v>
      </c>
      <c r="C23" s="35" t="s">
        <v>168</v>
      </c>
      <c r="D23" s="44"/>
      <c r="E23" s="14"/>
      <c r="F23" s="15"/>
    </row>
    <row r="24" spans="2:6" s="9" customFormat="1" ht="24.95" customHeight="1" thickBot="1" x14ac:dyDescent="0.3">
      <c r="B24" s="36" t="s">
        <v>44</v>
      </c>
      <c r="C24" s="35" t="s">
        <v>169</v>
      </c>
      <c r="D24" s="44"/>
      <c r="E24" s="14"/>
      <c r="F24" s="15"/>
    </row>
    <row r="25" spans="2:6" s="9" customFormat="1" ht="24.95" customHeight="1" thickBot="1" x14ac:dyDescent="0.3">
      <c r="B25" s="36" t="s">
        <v>45</v>
      </c>
      <c r="C25" s="35" t="s">
        <v>170</v>
      </c>
      <c r="D25" s="44"/>
      <c r="E25" s="14"/>
      <c r="F25" s="15"/>
    </row>
    <row r="26" spans="2:6" s="9" customFormat="1" ht="24.95" customHeight="1" thickBot="1" x14ac:dyDescent="0.3">
      <c r="B26" s="36" t="s">
        <v>47</v>
      </c>
      <c r="C26" s="35" t="s">
        <v>171</v>
      </c>
      <c r="D26" s="44"/>
      <c r="E26" s="14"/>
      <c r="F26" s="15"/>
    </row>
    <row r="27" spans="2:6" s="9" customFormat="1" ht="24.95" customHeight="1" thickBot="1" x14ac:dyDescent="0.3">
      <c r="B27" s="36" t="s">
        <v>49</v>
      </c>
      <c r="C27" s="35" t="s">
        <v>172</v>
      </c>
      <c r="D27" s="44"/>
      <c r="E27" s="14"/>
      <c r="F27" s="15"/>
    </row>
    <row r="28" spans="2:6" s="9" customFormat="1" ht="24.95" customHeight="1" thickBot="1" x14ac:dyDescent="0.3">
      <c r="B28" s="36" t="s">
        <v>51</v>
      </c>
      <c r="C28" s="35" t="s">
        <v>173</v>
      </c>
      <c r="D28" s="44"/>
      <c r="E28" s="14"/>
      <c r="F28" s="15"/>
    </row>
    <row r="29" spans="2:6" s="9" customFormat="1" ht="24.95" customHeight="1" thickBot="1" x14ac:dyDescent="0.3">
      <c r="B29" s="36" t="s">
        <v>53</v>
      </c>
      <c r="C29" s="35" t="s">
        <v>174</v>
      </c>
      <c r="D29" s="44"/>
      <c r="E29" s="14"/>
      <c r="F29" s="15"/>
    </row>
    <row r="30" spans="2:6" s="9" customFormat="1" ht="24.95" customHeight="1" thickBot="1" x14ac:dyDescent="0.3">
      <c r="B30" s="36" t="s">
        <v>55</v>
      </c>
      <c r="C30" s="35" t="s">
        <v>175</v>
      </c>
      <c r="D30" s="44"/>
      <c r="E30" s="14"/>
      <c r="F30" s="15"/>
    </row>
    <row r="31" spans="2:6" s="9" customFormat="1" ht="24.95" customHeight="1" thickBot="1" x14ac:dyDescent="0.3">
      <c r="B31" s="36" t="s">
        <v>57</v>
      </c>
      <c r="C31" s="35" t="s">
        <v>176</v>
      </c>
      <c r="D31" s="44"/>
      <c r="E31" s="14"/>
      <c r="F31" s="15"/>
    </row>
    <row r="32" spans="2:6" s="9" customFormat="1" ht="24.95" customHeight="1" thickBot="1" x14ac:dyDescent="0.3">
      <c r="B32" s="36" t="s">
        <v>59</v>
      </c>
      <c r="C32" s="35" t="s">
        <v>177</v>
      </c>
      <c r="D32" s="44"/>
      <c r="E32" s="14"/>
      <c r="F32" s="15"/>
    </row>
    <row r="33" spans="2:11" s="9" customFormat="1" ht="24.95" customHeight="1" thickBot="1" x14ac:dyDescent="0.3">
      <c r="B33" s="36" t="s">
        <v>61</v>
      </c>
      <c r="C33" s="35" t="s">
        <v>178</v>
      </c>
      <c r="D33" s="44"/>
      <c r="E33" s="14"/>
      <c r="F33" s="15"/>
    </row>
    <row r="34" spans="2:11" s="9" customFormat="1" ht="24.95" customHeight="1" thickBot="1" x14ac:dyDescent="0.3">
      <c r="B34" s="36" t="s">
        <v>63</v>
      </c>
      <c r="C34" s="35" t="s">
        <v>179</v>
      </c>
      <c r="D34" s="44"/>
      <c r="E34" s="14"/>
      <c r="F34" s="15"/>
    </row>
    <row r="35" spans="2:11" s="9" customFormat="1" ht="24.95" customHeight="1" thickBot="1" x14ac:dyDescent="0.3">
      <c r="B35" s="36" t="s">
        <v>65</v>
      </c>
      <c r="C35" s="35" t="s">
        <v>180</v>
      </c>
      <c r="D35" s="44"/>
      <c r="E35" s="14"/>
      <c r="F35" s="15"/>
    </row>
    <row r="36" spans="2:11" s="9" customFormat="1" ht="24.95" customHeight="1" thickBot="1" x14ac:dyDescent="0.3">
      <c r="B36" s="36" t="s">
        <v>181</v>
      </c>
      <c r="C36" s="35" t="s">
        <v>182</v>
      </c>
      <c r="D36" s="44"/>
      <c r="E36" s="14"/>
      <c r="F36" s="15"/>
    </row>
    <row r="37" spans="2:11" s="9" customFormat="1" ht="24.95" customHeight="1" thickBot="1" x14ac:dyDescent="0.3">
      <c r="B37" s="36" t="s">
        <v>183</v>
      </c>
      <c r="C37" s="35" t="s">
        <v>184</v>
      </c>
      <c r="D37" s="44"/>
      <c r="E37" s="14"/>
      <c r="F37" s="15"/>
    </row>
    <row r="38" spans="2:11" s="9" customFormat="1" ht="24.95" customHeight="1" thickBot="1" x14ac:dyDescent="0.3">
      <c r="B38" s="37" t="s">
        <v>185</v>
      </c>
      <c r="C38" s="38" t="s">
        <v>186</v>
      </c>
      <c r="D38" s="44"/>
      <c r="E38" s="47"/>
      <c r="F38" s="48"/>
    </row>
    <row r="39" spans="2:11" s="9" customFormat="1" ht="12" customHeight="1" x14ac:dyDescent="0.25">
      <c r="B39" s="19"/>
      <c r="C39" s="20"/>
      <c r="D39" s="21"/>
      <c r="E39" s="22"/>
    </row>
    <row r="40" spans="2:11" s="24" customFormat="1" ht="20.100000000000001" customHeight="1" x14ac:dyDescent="0.25">
      <c r="B40" s="92" t="s">
        <v>6</v>
      </c>
      <c r="C40" s="92"/>
      <c r="D40" s="92"/>
      <c r="E40" s="92"/>
      <c r="F40" s="23"/>
      <c r="G40" s="23"/>
      <c r="H40" s="23"/>
      <c r="I40" s="23"/>
      <c r="J40" s="23"/>
      <c r="K40" s="23"/>
    </row>
    <row r="41" spans="2:11" s="24" customFormat="1" ht="20.100000000000001" customHeight="1" x14ac:dyDescent="0.25">
      <c r="B41" s="25"/>
      <c r="C41" s="25"/>
      <c r="D41" s="25"/>
      <c r="E41" s="25"/>
      <c r="F41" s="23"/>
      <c r="G41" s="23"/>
      <c r="H41" s="23"/>
      <c r="I41" s="23"/>
      <c r="J41" s="23"/>
      <c r="K41" s="23"/>
    </row>
    <row r="42" spans="2:11" s="26" customFormat="1" ht="30" customHeight="1" x14ac:dyDescent="0.25">
      <c r="B42" s="93" t="s">
        <v>7</v>
      </c>
      <c r="C42" s="93"/>
      <c r="D42" s="89"/>
      <c r="E42" s="89"/>
      <c r="H42" s="27"/>
    </row>
    <row r="43" spans="2:11" s="26" customFormat="1" ht="15" customHeight="1" x14ac:dyDescent="0.25">
      <c r="B43" s="88" t="s">
        <v>8</v>
      </c>
      <c r="C43" s="88"/>
      <c r="D43" s="89"/>
      <c r="E43" s="89"/>
    </row>
    <row r="44" spans="2:11" s="26" customFormat="1" ht="15" customHeight="1" x14ac:dyDescent="0.25">
      <c r="B44" s="88" t="s">
        <v>9</v>
      </c>
      <c r="C44" s="88"/>
      <c r="D44" s="89"/>
      <c r="E44" s="89"/>
    </row>
    <row r="45" spans="2:11" s="26" customFormat="1" ht="15" customHeight="1" x14ac:dyDescent="0.25">
      <c r="B45" s="88" t="s">
        <v>10</v>
      </c>
      <c r="C45" s="88"/>
      <c r="D45" s="89"/>
      <c r="E45" s="89"/>
    </row>
    <row r="48" spans="2:11" ht="15" customHeight="1" x14ac:dyDescent="0.2">
      <c r="B48" s="2" t="s">
        <v>11</v>
      </c>
      <c r="C48" s="28"/>
      <c r="D48" s="1"/>
      <c r="F48" s="2"/>
      <c r="G48" s="2"/>
      <c r="H48" s="2"/>
    </row>
    <row r="49" spans="2:9" ht="15" customHeight="1" x14ac:dyDescent="0.2">
      <c r="B49" s="2" t="s">
        <v>12</v>
      </c>
      <c r="C49" s="28"/>
      <c r="D49" s="1"/>
      <c r="F49" s="2"/>
      <c r="G49" s="2"/>
      <c r="H49" s="2"/>
    </row>
    <row r="50" spans="2:9" ht="39.950000000000003" customHeight="1" x14ac:dyDescent="0.2">
      <c r="E50" s="118"/>
      <c r="F50" s="118"/>
    </row>
    <row r="51" spans="2:9" ht="45" customHeight="1" x14ac:dyDescent="0.2">
      <c r="B51" s="87" t="s">
        <v>14</v>
      </c>
      <c r="C51" s="87"/>
      <c r="E51" s="86" t="s">
        <v>13</v>
      </c>
      <c r="F51" s="86"/>
      <c r="G51" s="29"/>
      <c r="H51" s="29"/>
    </row>
    <row r="52" spans="2:9" s="31" customFormat="1" x14ac:dyDescent="0.2">
      <c r="B52" s="32"/>
      <c r="C52" s="33" t="s">
        <v>15</v>
      </c>
      <c r="D52" s="30"/>
      <c r="E52" s="29"/>
      <c r="F52" s="1"/>
      <c r="G52" s="1"/>
      <c r="H52" s="1"/>
    </row>
    <row r="53" spans="2:9" s="31" customFormat="1" ht="12" customHeight="1" x14ac:dyDescent="0.2">
      <c r="D53" s="33"/>
      <c r="E53" s="34"/>
      <c r="F53" s="1"/>
      <c r="G53" s="1"/>
      <c r="H53" s="1"/>
      <c r="I53" s="29"/>
    </row>
  </sheetData>
  <mergeCells count="22">
    <mergeCell ref="E50:F50"/>
    <mergeCell ref="E51:F51"/>
    <mergeCell ref="B51:C51"/>
    <mergeCell ref="B43:C43"/>
    <mergeCell ref="D43:E43"/>
    <mergeCell ref="B44:C44"/>
    <mergeCell ref="D44:E44"/>
    <mergeCell ref="B45:C45"/>
    <mergeCell ref="D45:E45"/>
    <mergeCell ref="B8:F8"/>
    <mergeCell ref="B9:F9"/>
    <mergeCell ref="E10:F10"/>
    <mergeCell ref="B40:E40"/>
    <mergeCell ref="B42:C42"/>
    <mergeCell ref="D42:E42"/>
    <mergeCell ref="B1:E1"/>
    <mergeCell ref="B2:E2"/>
    <mergeCell ref="B3:E3"/>
    <mergeCell ref="B5:E5"/>
    <mergeCell ref="B6:C7"/>
    <mergeCell ref="D6:F6"/>
    <mergeCell ref="E7:F7"/>
  </mergeCells>
  <conditionalFormatting sqref="C48:C49">
    <cfRule type="containsBlanks" dxfId="155" priority="3">
      <formula>LEN(TRIM(C48))=0</formula>
    </cfRule>
  </conditionalFormatting>
  <conditionalFormatting sqref="D10:D38">
    <cfRule type="containsBlanks" dxfId="154" priority="1">
      <formula>LEN(TRIM(D10))=0</formula>
    </cfRule>
  </conditionalFormatting>
  <conditionalFormatting sqref="D42:E45">
    <cfRule type="containsBlanks" dxfId="153" priority="2">
      <formula>LEN(TRIM(D42))=0</formula>
    </cfRule>
  </conditionalFormatting>
  <pageMargins left="0.98425196850393704" right="0.78740157480314965" top="0.59055118110236227" bottom="0.39370078740157483" header="0.31496062992125984" footer="0.31496062992125984"/>
  <pageSetup paperSize="9" scale="60" orientation="portrait" r:id="rId1"/>
  <headerFooter>
    <oddHeader>&amp;L&amp;"Arial,Tučné"&amp;10Príloha č. 5 SP&amp;"Arial,Normálne"
Špecifikácia predmetu zákazky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5EE7CAA-4A6A-4F14-BBFE-288E0E9C70C1}">
  <sheetPr>
    <tabColor rgb="FFD3B5E9"/>
  </sheetPr>
  <dimension ref="B1:L28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193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0" customHeight="1" thickBot="1" x14ac:dyDescent="0.3">
      <c r="B8" s="110" t="s">
        <v>187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188</v>
      </c>
      <c r="C9" s="114"/>
      <c r="D9" s="114"/>
      <c r="E9" s="114"/>
      <c r="F9" s="115"/>
    </row>
    <row r="10" spans="2:12" s="9" customFormat="1" ht="77.25" thickBot="1" x14ac:dyDescent="0.3">
      <c r="B10" s="36" t="s">
        <v>18</v>
      </c>
      <c r="C10" s="35" t="s">
        <v>189</v>
      </c>
      <c r="D10" s="10"/>
      <c r="E10" s="116"/>
      <c r="F10" s="117"/>
    </row>
    <row r="11" spans="2:12" s="9" customFormat="1" ht="30" customHeight="1" thickBot="1" x14ac:dyDescent="0.3">
      <c r="B11" s="113" t="s">
        <v>190</v>
      </c>
      <c r="C11" s="114" t="s">
        <v>21</v>
      </c>
      <c r="D11" s="114"/>
      <c r="E11" s="114"/>
      <c r="F11" s="115"/>
    </row>
    <row r="12" spans="2:12" s="9" customFormat="1" ht="30" customHeight="1" thickBot="1" x14ac:dyDescent="0.3">
      <c r="B12" s="127" t="s">
        <v>192</v>
      </c>
      <c r="C12" s="128"/>
      <c r="D12" s="11"/>
      <c r="E12" s="125"/>
      <c r="F12" s="126"/>
    </row>
    <row r="13" spans="2:12" s="9" customFormat="1" ht="51.75" thickBot="1" x14ac:dyDescent="0.3">
      <c r="B13" s="37" t="s">
        <v>73</v>
      </c>
      <c r="C13" s="35" t="s">
        <v>191</v>
      </c>
      <c r="D13" s="44"/>
      <c r="E13" s="119"/>
      <c r="F13" s="120"/>
    </row>
    <row r="14" spans="2:12" s="9" customFormat="1" ht="12" customHeight="1" x14ac:dyDescent="0.25">
      <c r="B14" s="19"/>
      <c r="C14" s="20"/>
      <c r="D14" s="21"/>
      <c r="E14" s="22"/>
    </row>
    <row r="15" spans="2:12" s="24" customFormat="1" ht="20.100000000000001" customHeight="1" x14ac:dyDescent="0.25">
      <c r="B15" s="92" t="s">
        <v>6</v>
      </c>
      <c r="C15" s="92"/>
      <c r="D15" s="92"/>
      <c r="E15" s="92"/>
      <c r="F15" s="23"/>
      <c r="G15" s="23"/>
      <c r="H15" s="23"/>
      <c r="I15" s="23"/>
      <c r="J15" s="23"/>
      <c r="K15" s="23"/>
    </row>
    <row r="16" spans="2:12" s="24" customFormat="1" ht="20.100000000000001" customHeight="1" x14ac:dyDescent="0.25">
      <c r="B16" s="25"/>
      <c r="C16" s="25"/>
      <c r="D16" s="25"/>
      <c r="E16" s="25"/>
      <c r="F16" s="23"/>
      <c r="G16" s="23"/>
      <c r="H16" s="23"/>
      <c r="I16" s="23"/>
      <c r="J16" s="23"/>
      <c r="K16" s="23"/>
    </row>
    <row r="17" spans="2:9" s="26" customFormat="1" ht="30" customHeight="1" x14ac:dyDescent="0.25">
      <c r="B17" s="93" t="s">
        <v>7</v>
      </c>
      <c r="C17" s="93"/>
      <c r="D17" s="89"/>
      <c r="E17" s="89"/>
      <c r="H17" s="27"/>
    </row>
    <row r="18" spans="2:9" s="26" customFormat="1" ht="15" customHeight="1" x14ac:dyDescent="0.25">
      <c r="B18" s="88" t="s">
        <v>8</v>
      </c>
      <c r="C18" s="88"/>
      <c r="D18" s="89"/>
      <c r="E18" s="89"/>
    </row>
    <row r="19" spans="2:9" s="26" customFormat="1" ht="15" customHeight="1" x14ac:dyDescent="0.25">
      <c r="B19" s="88" t="s">
        <v>9</v>
      </c>
      <c r="C19" s="88"/>
      <c r="D19" s="89"/>
      <c r="E19" s="89"/>
    </row>
    <row r="20" spans="2:9" s="26" customFormat="1" ht="15" customHeight="1" x14ac:dyDescent="0.25">
      <c r="B20" s="88" t="s">
        <v>10</v>
      </c>
      <c r="C20" s="88"/>
      <c r="D20" s="89"/>
      <c r="E20" s="89"/>
    </row>
    <row r="23" spans="2:9" ht="15" customHeight="1" x14ac:dyDescent="0.2">
      <c r="B23" s="2" t="s">
        <v>11</v>
      </c>
      <c r="C23" s="28"/>
      <c r="D23" s="1"/>
      <c r="F23" s="2"/>
      <c r="G23" s="2"/>
      <c r="H23" s="2"/>
    </row>
    <row r="24" spans="2:9" ht="15" customHeight="1" x14ac:dyDescent="0.2">
      <c r="B24" s="2" t="s">
        <v>12</v>
      </c>
      <c r="C24" s="28"/>
      <c r="D24" s="1"/>
      <c r="F24" s="2"/>
      <c r="G24" s="2"/>
      <c r="H24" s="2"/>
    </row>
    <row r="25" spans="2:9" ht="39.950000000000003" customHeight="1" x14ac:dyDescent="0.2">
      <c r="E25" s="118"/>
      <c r="F25" s="118"/>
    </row>
    <row r="26" spans="2:9" ht="45" customHeight="1" x14ac:dyDescent="0.2">
      <c r="E26" s="86" t="s">
        <v>13</v>
      </c>
      <c r="F26" s="86"/>
      <c r="G26" s="29"/>
      <c r="H26" s="29"/>
    </row>
    <row r="27" spans="2:9" s="31" customFormat="1" x14ac:dyDescent="0.2">
      <c r="B27" s="87" t="s">
        <v>14</v>
      </c>
      <c r="C27" s="87"/>
      <c r="D27" s="30"/>
      <c r="E27" s="29"/>
      <c r="F27" s="1"/>
      <c r="G27" s="1"/>
      <c r="H27" s="1"/>
    </row>
    <row r="28" spans="2:9" s="31" customFormat="1" ht="12" customHeight="1" x14ac:dyDescent="0.2">
      <c r="B28" s="32"/>
      <c r="C28" s="33" t="s">
        <v>15</v>
      </c>
      <c r="D28" s="33"/>
      <c r="E28" s="34"/>
      <c r="F28" s="1"/>
      <c r="G28" s="1"/>
      <c r="H28" s="1"/>
      <c r="I28" s="29"/>
    </row>
  </sheetData>
  <mergeCells count="26">
    <mergeCell ref="B27:C27"/>
    <mergeCell ref="B12:C12"/>
    <mergeCell ref="B19:C19"/>
    <mergeCell ref="D19:E19"/>
    <mergeCell ref="B20:C20"/>
    <mergeCell ref="D20:E20"/>
    <mergeCell ref="E25:F25"/>
    <mergeCell ref="E26:F26"/>
    <mergeCell ref="E13:F13"/>
    <mergeCell ref="B15:E15"/>
    <mergeCell ref="B17:C17"/>
    <mergeCell ref="D17:E17"/>
    <mergeCell ref="B18:C18"/>
    <mergeCell ref="D18:E18"/>
    <mergeCell ref="B8:F8"/>
    <mergeCell ref="B9:F9"/>
    <mergeCell ref="E10:F10"/>
    <mergeCell ref="B11:F11"/>
    <mergeCell ref="E12:F12"/>
    <mergeCell ref="B1:E1"/>
    <mergeCell ref="B2:E2"/>
    <mergeCell ref="B3:E3"/>
    <mergeCell ref="B5:E5"/>
    <mergeCell ref="B6:C7"/>
    <mergeCell ref="D6:F6"/>
    <mergeCell ref="E7:F7"/>
  </mergeCells>
  <conditionalFormatting sqref="C23:C24">
    <cfRule type="containsBlanks" dxfId="152" priority="3">
      <formula>LEN(TRIM(C23))=0</formula>
    </cfRule>
  </conditionalFormatting>
  <conditionalFormatting sqref="D10 D12:D13">
    <cfRule type="containsBlanks" dxfId="151" priority="1">
      <formula>LEN(TRIM(D10))=0</formula>
    </cfRule>
  </conditionalFormatting>
  <conditionalFormatting sqref="D17:E20">
    <cfRule type="containsBlanks" dxfId="150" priority="2">
      <formula>LEN(TRIM(D17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F4EE0B2-4E0E-45DF-BE27-E5B070303E05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194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0" customHeight="1" thickBot="1" x14ac:dyDescent="0.3">
      <c r="B8" s="110" t="s">
        <v>195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196</v>
      </c>
      <c r="C9" s="114"/>
      <c r="D9" s="114"/>
      <c r="E9" s="114"/>
      <c r="F9" s="115"/>
    </row>
    <row r="10" spans="2:12" s="9" customFormat="1" ht="64.5" thickBot="1" x14ac:dyDescent="0.3">
      <c r="B10" s="42" t="s">
        <v>18</v>
      </c>
      <c r="C10" s="52" t="s">
        <v>197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92" t="s">
        <v>6</v>
      </c>
      <c r="C12" s="92"/>
      <c r="D12" s="92"/>
      <c r="E12" s="92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8:F8"/>
    <mergeCell ref="B9:F9"/>
    <mergeCell ref="E10:F10"/>
    <mergeCell ref="B1:E1"/>
    <mergeCell ref="B2:E2"/>
    <mergeCell ref="B3:E3"/>
    <mergeCell ref="B5:E5"/>
    <mergeCell ref="B6:C7"/>
    <mergeCell ref="D6:F6"/>
    <mergeCell ref="E7:F7"/>
    <mergeCell ref="B12:E12"/>
    <mergeCell ref="B14:C14"/>
    <mergeCell ref="D14:E14"/>
    <mergeCell ref="B15:C15"/>
    <mergeCell ref="D15:E15"/>
    <mergeCell ref="B24:C24"/>
    <mergeCell ref="B16:C16"/>
    <mergeCell ref="D16:E16"/>
    <mergeCell ref="B17:C17"/>
    <mergeCell ref="D17:E17"/>
    <mergeCell ref="E22:F22"/>
    <mergeCell ref="E23:F23"/>
  </mergeCells>
  <conditionalFormatting sqref="C20:C21">
    <cfRule type="containsBlanks" dxfId="149" priority="3">
      <formula>LEN(TRIM(C20))=0</formula>
    </cfRule>
  </conditionalFormatting>
  <conditionalFormatting sqref="D10">
    <cfRule type="containsBlanks" dxfId="148" priority="1">
      <formula>LEN(TRIM(D10))=0</formula>
    </cfRule>
  </conditionalFormatting>
  <conditionalFormatting sqref="D14:E17">
    <cfRule type="containsBlanks" dxfId="147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3F35A8-1547-4E65-A548-5028B1F43640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198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0" customHeight="1" thickBot="1" x14ac:dyDescent="0.3">
      <c r="B8" s="110" t="s">
        <v>199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200</v>
      </c>
      <c r="C9" s="114"/>
      <c r="D9" s="114"/>
      <c r="E9" s="114"/>
      <c r="F9" s="115"/>
    </row>
    <row r="10" spans="2:12" s="9" customFormat="1" ht="62.25" customHeight="1" thickBot="1" x14ac:dyDescent="0.3">
      <c r="B10" s="42" t="s">
        <v>18</v>
      </c>
      <c r="C10" s="45" t="s">
        <v>201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92" t="s">
        <v>6</v>
      </c>
      <c r="C12" s="92"/>
      <c r="D12" s="92"/>
      <c r="E12" s="92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E12"/>
    <mergeCell ref="B14:C14"/>
    <mergeCell ref="D14:E14"/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</mergeCells>
  <conditionalFormatting sqref="C20:C21">
    <cfRule type="containsBlanks" dxfId="146" priority="3">
      <formula>LEN(TRIM(C20))=0</formula>
    </cfRule>
  </conditionalFormatting>
  <conditionalFormatting sqref="D10">
    <cfRule type="containsBlanks" dxfId="145" priority="1">
      <formula>LEN(TRIM(D10))=0</formula>
    </cfRule>
  </conditionalFormatting>
  <conditionalFormatting sqref="D14:E17">
    <cfRule type="containsBlanks" dxfId="144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453AD4C-968C-42FC-B3A6-2D7C473BD2F9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202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0" customHeight="1" thickBot="1" x14ac:dyDescent="0.3">
      <c r="B8" s="110" t="s">
        <v>203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204</v>
      </c>
      <c r="C9" s="114"/>
      <c r="D9" s="114"/>
      <c r="E9" s="114"/>
      <c r="F9" s="115"/>
    </row>
    <row r="10" spans="2:12" s="9" customFormat="1" ht="43.5" customHeight="1" thickBot="1" x14ac:dyDescent="0.3">
      <c r="B10" s="36" t="s">
        <v>18</v>
      </c>
      <c r="C10" s="41" t="s">
        <v>205</v>
      </c>
      <c r="D10" s="10"/>
      <c r="E10" s="116"/>
      <c r="F10" s="117"/>
    </row>
    <row r="11" spans="2:12" s="9" customFormat="1" ht="30" customHeight="1" thickBot="1" x14ac:dyDescent="0.3">
      <c r="B11" s="113" t="s">
        <v>206</v>
      </c>
      <c r="C11" s="114" t="s">
        <v>21</v>
      </c>
      <c r="D11" s="114"/>
      <c r="E11" s="114"/>
      <c r="F11" s="115"/>
    </row>
    <row r="12" spans="2:12" s="9" customFormat="1" ht="51.75" thickBot="1" x14ac:dyDescent="0.3">
      <c r="B12" s="37" t="s">
        <v>73</v>
      </c>
      <c r="C12" s="35" t="s">
        <v>207</v>
      </c>
      <c r="D12" s="44"/>
      <c r="E12" s="119"/>
      <c r="F12" s="120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92" t="s">
        <v>6</v>
      </c>
      <c r="C14" s="92"/>
      <c r="D14" s="92"/>
      <c r="E14" s="92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93" t="s">
        <v>7</v>
      </c>
      <c r="C16" s="93"/>
      <c r="D16" s="89"/>
      <c r="E16" s="89"/>
      <c r="H16" s="27"/>
    </row>
    <row r="17" spans="2:9" s="26" customFormat="1" ht="15" customHeight="1" x14ac:dyDescent="0.25">
      <c r="B17" s="88" t="s">
        <v>8</v>
      </c>
      <c r="C17" s="88"/>
      <c r="D17" s="89"/>
      <c r="E17" s="89"/>
    </row>
    <row r="18" spans="2:9" s="26" customFormat="1" ht="15" customHeight="1" x14ac:dyDescent="0.25">
      <c r="B18" s="88" t="s">
        <v>9</v>
      </c>
      <c r="C18" s="88"/>
      <c r="D18" s="89"/>
      <c r="E18" s="89"/>
    </row>
    <row r="19" spans="2:9" s="26" customFormat="1" ht="15" customHeight="1" x14ac:dyDescent="0.25">
      <c r="B19" s="88" t="s">
        <v>10</v>
      </c>
      <c r="C19" s="88"/>
      <c r="D19" s="89"/>
      <c r="E19" s="89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8"/>
      <c r="F24" s="118"/>
    </row>
    <row r="25" spans="2:9" ht="45" customHeight="1" x14ac:dyDescent="0.2">
      <c r="E25" s="86" t="s">
        <v>13</v>
      </c>
      <c r="F25" s="86"/>
      <c r="G25" s="29"/>
      <c r="H25" s="29"/>
    </row>
    <row r="26" spans="2:9" s="31" customFormat="1" x14ac:dyDescent="0.2">
      <c r="B26" s="87" t="s">
        <v>14</v>
      </c>
      <c r="C26" s="8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8:F8"/>
    <mergeCell ref="B9:F9"/>
    <mergeCell ref="E10:F10"/>
    <mergeCell ref="B11:F11"/>
    <mergeCell ref="B1:E1"/>
    <mergeCell ref="B2:E2"/>
    <mergeCell ref="B3:E3"/>
    <mergeCell ref="B5:E5"/>
    <mergeCell ref="B6:C7"/>
    <mergeCell ref="D6:F6"/>
    <mergeCell ref="E7:F7"/>
    <mergeCell ref="E12:F12"/>
    <mergeCell ref="B14:E14"/>
    <mergeCell ref="B16:C16"/>
    <mergeCell ref="D16:E16"/>
    <mergeCell ref="B17:C17"/>
    <mergeCell ref="D17:E17"/>
    <mergeCell ref="B26:C26"/>
    <mergeCell ref="B18:C18"/>
    <mergeCell ref="D18:E18"/>
    <mergeCell ref="B19:C19"/>
    <mergeCell ref="D19:E19"/>
    <mergeCell ref="E24:F24"/>
    <mergeCell ref="E25:F25"/>
  </mergeCells>
  <conditionalFormatting sqref="D10">
    <cfRule type="containsBlanks" dxfId="143" priority="1">
      <formula>LEN(TRIM(D10))=0</formula>
    </cfRule>
  </conditionalFormatting>
  <conditionalFormatting sqref="D12 C22:C23">
    <cfRule type="containsBlanks" dxfId="142" priority="3">
      <formula>LEN(TRIM(C12))=0</formula>
    </cfRule>
  </conditionalFormatting>
  <conditionalFormatting sqref="D16:E19">
    <cfRule type="containsBlanks" dxfId="141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C412E27-13DB-4337-82C0-BED8912B7FD3}">
  <sheetPr>
    <tabColor rgb="FFD3B5E9"/>
  </sheetPr>
  <dimension ref="B1:L25"/>
  <sheetViews>
    <sheetView showGridLines="0" zoomScale="90" zoomScaleNormal="90" workbookViewId="0">
      <selection activeCell="B14" sqref="B14:C14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208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0" customHeight="1" thickBot="1" x14ac:dyDescent="0.3">
      <c r="B8" s="110" t="s">
        <v>209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210</v>
      </c>
      <c r="C9" s="114"/>
      <c r="D9" s="114"/>
      <c r="E9" s="114"/>
      <c r="F9" s="115"/>
    </row>
    <row r="10" spans="2:12" s="9" customFormat="1" ht="71.25" customHeight="1" thickBot="1" x14ac:dyDescent="0.3">
      <c r="B10" s="42" t="s">
        <v>18</v>
      </c>
      <c r="C10" s="43" t="s">
        <v>211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92" t="s">
        <v>6</v>
      </c>
      <c r="C12" s="92"/>
      <c r="D12" s="92"/>
      <c r="E12" s="92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E12"/>
    <mergeCell ref="B14:C14"/>
    <mergeCell ref="D14:E14"/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</mergeCells>
  <conditionalFormatting sqref="C20:C21">
    <cfRule type="containsBlanks" dxfId="140" priority="3">
      <formula>LEN(TRIM(C20))=0</formula>
    </cfRule>
  </conditionalFormatting>
  <conditionalFormatting sqref="D10">
    <cfRule type="containsBlanks" dxfId="139" priority="1">
      <formula>LEN(TRIM(D10))=0</formula>
    </cfRule>
  </conditionalFormatting>
  <conditionalFormatting sqref="D14:E17">
    <cfRule type="containsBlanks" dxfId="138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41A0E4A-ADB2-49EB-AA57-F1B096E938BC}">
  <sheetPr>
    <tabColor rgb="FFD3B5E9"/>
  </sheetPr>
  <dimension ref="B1:L35"/>
  <sheetViews>
    <sheetView showGridLines="0" topLeftCell="A16" zoomScale="90" zoomScaleNormal="90" workbookViewId="0">
      <selection activeCell="K8" sqref="K8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87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56.25" customHeight="1" thickBot="1" x14ac:dyDescent="0.3">
      <c r="B8" s="110" t="s">
        <v>70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69</v>
      </c>
      <c r="C9" s="114"/>
      <c r="D9" s="114"/>
      <c r="E9" s="114"/>
      <c r="F9" s="115"/>
    </row>
    <row r="10" spans="2:12" s="9" customFormat="1" ht="30" customHeight="1" thickBot="1" x14ac:dyDescent="0.3">
      <c r="B10" s="36" t="s">
        <v>18</v>
      </c>
      <c r="C10" s="35" t="s">
        <v>71</v>
      </c>
      <c r="D10" s="10"/>
      <c r="E10" s="116"/>
      <c r="F10" s="117"/>
    </row>
    <row r="11" spans="2:12" s="9" customFormat="1" ht="30" customHeight="1" thickBot="1" x14ac:dyDescent="0.3">
      <c r="B11" s="113" t="s">
        <v>72</v>
      </c>
      <c r="C11" s="114" t="s">
        <v>21</v>
      </c>
      <c r="D11" s="114"/>
      <c r="E11" s="114"/>
      <c r="F11" s="115"/>
    </row>
    <row r="12" spans="2:12" s="9" customFormat="1" ht="43.5" customHeight="1" thickBot="1" x14ac:dyDescent="0.3">
      <c r="B12" s="36" t="s">
        <v>73</v>
      </c>
      <c r="C12" s="35" t="s">
        <v>74</v>
      </c>
      <c r="D12" s="11"/>
      <c r="E12" s="90"/>
      <c r="F12" s="91"/>
    </row>
    <row r="13" spans="2:12" s="9" customFormat="1" ht="30" customHeight="1" thickBot="1" x14ac:dyDescent="0.3">
      <c r="B13" s="113" t="s">
        <v>83</v>
      </c>
      <c r="C13" s="114"/>
      <c r="D13" s="114"/>
      <c r="E13" s="114"/>
      <c r="F13" s="115"/>
    </row>
    <row r="14" spans="2:12" s="9" customFormat="1" ht="77.25" thickBot="1" x14ac:dyDescent="0.3">
      <c r="B14" s="36" t="s">
        <v>75</v>
      </c>
      <c r="C14" s="35" t="s">
        <v>76</v>
      </c>
      <c r="D14" s="11"/>
      <c r="E14" s="90"/>
      <c r="F14" s="91"/>
    </row>
    <row r="15" spans="2:12" s="9" customFormat="1" ht="30" customHeight="1" thickBot="1" x14ac:dyDescent="0.3">
      <c r="B15" s="113" t="s">
        <v>84</v>
      </c>
      <c r="C15" s="114"/>
      <c r="D15" s="114"/>
      <c r="E15" s="114"/>
      <c r="F15" s="115"/>
    </row>
    <row r="16" spans="2:12" s="9" customFormat="1" ht="31.5" customHeight="1" thickBot="1" x14ac:dyDescent="0.3">
      <c r="B16" s="36" t="s">
        <v>77</v>
      </c>
      <c r="C16" s="35" t="s">
        <v>78</v>
      </c>
      <c r="D16" s="11"/>
      <c r="E16" s="90"/>
      <c r="F16" s="91"/>
    </row>
    <row r="17" spans="2:11" s="9" customFormat="1" ht="30" customHeight="1" thickBot="1" x14ac:dyDescent="0.3">
      <c r="B17" s="113" t="s">
        <v>85</v>
      </c>
      <c r="C17" s="114"/>
      <c r="D17" s="114"/>
      <c r="E17" s="114"/>
      <c r="F17" s="115"/>
    </row>
    <row r="18" spans="2:11" s="9" customFormat="1" ht="62.25" customHeight="1" thickBot="1" x14ac:dyDescent="0.3">
      <c r="B18" s="36" t="s">
        <v>79</v>
      </c>
      <c r="C18" s="35" t="s">
        <v>80</v>
      </c>
      <c r="D18" s="11"/>
      <c r="E18" s="12"/>
      <c r="F18" s="13"/>
    </row>
    <row r="19" spans="2:11" s="9" customFormat="1" ht="30" customHeight="1" thickBot="1" x14ac:dyDescent="0.3">
      <c r="B19" s="113" t="s">
        <v>86</v>
      </c>
      <c r="C19" s="114"/>
      <c r="D19" s="114"/>
      <c r="E19" s="114"/>
      <c r="F19" s="115"/>
    </row>
    <row r="20" spans="2:11" s="9" customFormat="1" ht="60.75" customHeight="1" thickBot="1" x14ac:dyDescent="0.3">
      <c r="B20" s="37" t="s">
        <v>81</v>
      </c>
      <c r="C20" s="38" t="s">
        <v>82</v>
      </c>
      <c r="D20" s="16"/>
      <c r="E20" s="17"/>
      <c r="F20" s="18"/>
    </row>
    <row r="21" spans="2:11" s="9" customFormat="1" ht="12" customHeight="1" x14ac:dyDescent="0.25">
      <c r="B21" s="19"/>
      <c r="C21" s="20"/>
      <c r="D21" s="21"/>
      <c r="E21" s="22"/>
    </row>
    <row r="22" spans="2:11" s="24" customFormat="1" ht="20.100000000000001" customHeight="1" x14ac:dyDescent="0.25">
      <c r="B22" s="92" t="s">
        <v>6</v>
      </c>
      <c r="C22" s="92"/>
      <c r="D22" s="92"/>
      <c r="E22" s="92"/>
      <c r="F22" s="23"/>
      <c r="G22" s="23"/>
      <c r="H22" s="23"/>
      <c r="I22" s="23"/>
      <c r="J22" s="23"/>
      <c r="K22" s="23"/>
    </row>
    <row r="23" spans="2:11" s="24" customFormat="1" ht="20.100000000000001" customHeight="1" x14ac:dyDescent="0.25">
      <c r="B23" s="25"/>
      <c r="C23" s="25"/>
      <c r="D23" s="25"/>
      <c r="E23" s="25"/>
      <c r="F23" s="23"/>
      <c r="G23" s="23"/>
      <c r="H23" s="23"/>
      <c r="I23" s="23"/>
      <c r="J23" s="23"/>
      <c r="K23" s="23"/>
    </row>
    <row r="24" spans="2:11" s="26" customFormat="1" ht="30" customHeight="1" x14ac:dyDescent="0.25">
      <c r="B24" s="93" t="s">
        <v>7</v>
      </c>
      <c r="C24" s="93"/>
      <c r="D24" s="89"/>
      <c r="E24" s="89"/>
      <c r="H24" s="27"/>
    </row>
    <row r="25" spans="2:11" s="26" customFormat="1" ht="15" customHeight="1" x14ac:dyDescent="0.25">
      <c r="B25" s="88" t="s">
        <v>8</v>
      </c>
      <c r="C25" s="88"/>
      <c r="D25" s="89"/>
      <c r="E25" s="89"/>
    </row>
    <row r="26" spans="2:11" s="26" customFormat="1" ht="15" customHeight="1" x14ac:dyDescent="0.25">
      <c r="B26" s="88" t="s">
        <v>9</v>
      </c>
      <c r="C26" s="88"/>
      <c r="D26" s="89"/>
      <c r="E26" s="89"/>
    </row>
    <row r="27" spans="2:11" s="26" customFormat="1" ht="15" customHeight="1" x14ac:dyDescent="0.25">
      <c r="B27" s="88" t="s">
        <v>10</v>
      </c>
      <c r="C27" s="88"/>
      <c r="D27" s="89"/>
      <c r="E27" s="89"/>
    </row>
    <row r="30" spans="2:11" ht="15" customHeight="1" x14ac:dyDescent="0.2">
      <c r="B30" s="2" t="s">
        <v>11</v>
      </c>
      <c r="C30" s="28"/>
      <c r="D30" s="1"/>
      <c r="F30" s="2"/>
      <c r="G30" s="2"/>
      <c r="H30" s="2"/>
    </row>
    <row r="31" spans="2:11" ht="15" customHeight="1" x14ac:dyDescent="0.2">
      <c r="B31" s="2" t="s">
        <v>12</v>
      </c>
      <c r="C31" s="28"/>
      <c r="D31" s="1"/>
      <c r="F31" s="2"/>
      <c r="G31" s="2"/>
      <c r="H31" s="2"/>
    </row>
    <row r="32" spans="2:11" ht="39.950000000000003" customHeight="1" x14ac:dyDescent="0.2">
      <c r="E32" s="118"/>
      <c r="F32" s="118"/>
    </row>
    <row r="33" spans="2:9" ht="45" customHeight="1" x14ac:dyDescent="0.2">
      <c r="E33" s="86" t="s">
        <v>13</v>
      </c>
      <c r="F33" s="86"/>
      <c r="G33" s="29"/>
      <c r="H33" s="29"/>
    </row>
    <row r="34" spans="2:9" s="31" customFormat="1" x14ac:dyDescent="0.2">
      <c r="B34" s="87" t="s">
        <v>14</v>
      </c>
      <c r="C34" s="87"/>
      <c r="D34" s="30"/>
      <c r="E34" s="29"/>
      <c r="F34" s="1"/>
      <c r="G34" s="1"/>
      <c r="H34" s="1"/>
    </row>
    <row r="35" spans="2:9" s="31" customFormat="1" ht="12" customHeight="1" x14ac:dyDescent="0.2">
      <c r="B35" s="32"/>
      <c r="C35" s="33" t="s">
        <v>15</v>
      </c>
      <c r="D35" s="33"/>
      <c r="E35" s="34"/>
      <c r="F35" s="1"/>
      <c r="G35" s="1"/>
      <c r="H35" s="1"/>
      <c r="I35" s="29"/>
    </row>
  </sheetData>
  <mergeCells count="30">
    <mergeCell ref="B19:F19"/>
    <mergeCell ref="B27:C27"/>
    <mergeCell ref="D27:E27"/>
    <mergeCell ref="E32:F32"/>
    <mergeCell ref="E33:F33"/>
    <mergeCell ref="B34:C34"/>
    <mergeCell ref="B8:F8"/>
    <mergeCell ref="B11:F11"/>
    <mergeCell ref="B13:F13"/>
    <mergeCell ref="B15:F15"/>
    <mergeCell ref="B17:F17"/>
    <mergeCell ref="B22:E22"/>
    <mergeCell ref="B24:C24"/>
    <mergeCell ref="D24:E24"/>
    <mergeCell ref="B25:C25"/>
    <mergeCell ref="D25:E25"/>
    <mergeCell ref="B26:C26"/>
    <mergeCell ref="D26:E26"/>
    <mergeCell ref="E14:F14"/>
    <mergeCell ref="E16:F16"/>
    <mergeCell ref="B9:F9"/>
    <mergeCell ref="E10:F10"/>
    <mergeCell ref="E12:F12"/>
    <mergeCell ref="B1:E1"/>
    <mergeCell ref="B2:E2"/>
    <mergeCell ref="B3:E3"/>
    <mergeCell ref="B5:E5"/>
    <mergeCell ref="B6:C7"/>
    <mergeCell ref="D6:F6"/>
    <mergeCell ref="E7:F7"/>
  </mergeCells>
  <conditionalFormatting sqref="C30:C31">
    <cfRule type="containsBlanks" dxfId="192" priority="3">
      <formula>LEN(TRIM(C30))=0</formula>
    </cfRule>
  </conditionalFormatting>
  <conditionalFormatting sqref="D10 D12 D14 D16 D18 D20">
    <cfRule type="containsBlanks" dxfId="191" priority="1">
      <formula>LEN(TRIM(D10))=0</formula>
    </cfRule>
  </conditionalFormatting>
  <conditionalFormatting sqref="D24:E27">
    <cfRule type="containsBlanks" dxfId="190" priority="2">
      <formula>LEN(TRIM(D2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6B67234-90E7-4299-AB4D-6CB4E306B640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212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0" customHeight="1" thickBot="1" x14ac:dyDescent="0.3">
      <c r="B8" s="110" t="s">
        <v>213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214</v>
      </c>
      <c r="C9" s="114"/>
      <c r="D9" s="114"/>
      <c r="E9" s="114"/>
      <c r="F9" s="115"/>
    </row>
    <row r="10" spans="2:12" s="9" customFormat="1" ht="65.25" customHeight="1" thickBot="1" x14ac:dyDescent="0.3">
      <c r="B10" s="42" t="s">
        <v>18</v>
      </c>
      <c r="C10" s="45" t="s">
        <v>215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92" t="s">
        <v>6</v>
      </c>
      <c r="C12" s="92"/>
      <c r="D12" s="92"/>
      <c r="E12" s="92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E12"/>
    <mergeCell ref="B14:C14"/>
    <mergeCell ref="D14:E14"/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</mergeCells>
  <conditionalFormatting sqref="C20:C21">
    <cfRule type="containsBlanks" dxfId="137" priority="3">
      <formula>LEN(TRIM(C20))=0</formula>
    </cfRule>
  </conditionalFormatting>
  <conditionalFormatting sqref="D10">
    <cfRule type="containsBlanks" dxfId="136" priority="1">
      <formula>LEN(TRIM(D10))=0</formula>
    </cfRule>
  </conditionalFormatting>
  <conditionalFormatting sqref="D14:E17">
    <cfRule type="containsBlanks" dxfId="135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1DD7CD5-BE8A-4171-A245-906A6E010683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219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0" customHeight="1" thickBot="1" x14ac:dyDescent="0.3">
      <c r="B8" s="110" t="s">
        <v>216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217</v>
      </c>
      <c r="C9" s="114"/>
      <c r="D9" s="114"/>
      <c r="E9" s="114"/>
      <c r="F9" s="115"/>
    </row>
    <row r="10" spans="2:12" s="9" customFormat="1" ht="121.5" customHeight="1" thickBot="1" x14ac:dyDescent="0.3">
      <c r="B10" s="42" t="s">
        <v>18</v>
      </c>
      <c r="C10" s="43" t="s">
        <v>218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92" t="s">
        <v>6</v>
      </c>
      <c r="C12" s="92"/>
      <c r="D12" s="92"/>
      <c r="E12" s="92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E12"/>
    <mergeCell ref="B14:C14"/>
    <mergeCell ref="D14:E14"/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</mergeCells>
  <conditionalFormatting sqref="C20:C21">
    <cfRule type="containsBlanks" dxfId="134" priority="3">
      <formula>LEN(TRIM(C20))=0</formula>
    </cfRule>
  </conditionalFormatting>
  <conditionalFormatting sqref="D10">
    <cfRule type="containsBlanks" dxfId="133" priority="1">
      <formula>LEN(TRIM(D10))=0</formula>
    </cfRule>
  </conditionalFormatting>
  <conditionalFormatting sqref="D14:E17">
    <cfRule type="containsBlanks" dxfId="132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1610FDB-3CFB-42EB-B66A-680987557544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220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0" customHeight="1" thickBot="1" x14ac:dyDescent="0.3">
      <c r="B8" s="110" t="s">
        <v>221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222</v>
      </c>
      <c r="C9" s="114"/>
      <c r="D9" s="114"/>
      <c r="E9" s="114"/>
      <c r="F9" s="115"/>
    </row>
    <row r="10" spans="2:12" s="9" customFormat="1" ht="86.25" customHeight="1" thickBot="1" x14ac:dyDescent="0.3">
      <c r="B10" s="42" t="s">
        <v>18</v>
      </c>
      <c r="C10" s="43" t="s">
        <v>223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92" t="s">
        <v>6</v>
      </c>
      <c r="C12" s="92"/>
      <c r="D12" s="92"/>
      <c r="E12" s="92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E12"/>
    <mergeCell ref="B14:C14"/>
    <mergeCell ref="D14:E14"/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</mergeCells>
  <conditionalFormatting sqref="C20:C21">
    <cfRule type="containsBlanks" dxfId="131" priority="3">
      <formula>LEN(TRIM(C20))=0</formula>
    </cfRule>
  </conditionalFormatting>
  <conditionalFormatting sqref="D10">
    <cfRule type="containsBlanks" dxfId="130" priority="1">
      <formula>LEN(TRIM(D10))=0</formula>
    </cfRule>
  </conditionalFormatting>
  <conditionalFormatting sqref="D14:E17">
    <cfRule type="containsBlanks" dxfId="129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9FBAB6B-E7E4-4790-8C0D-D51FC4FD1C55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224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0" customHeight="1" thickBot="1" x14ac:dyDescent="0.3">
      <c r="B8" s="110" t="s">
        <v>225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226</v>
      </c>
      <c r="C9" s="114"/>
      <c r="D9" s="114"/>
      <c r="E9" s="114"/>
      <c r="F9" s="115"/>
    </row>
    <row r="10" spans="2:12" s="9" customFormat="1" ht="86.25" customHeight="1" thickBot="1" x14ac:dyDescent="0.3">
      <c r="B10" s="42" t="s">
        <v>18</v>
      </c>
      <c r="C10" s="45" t="s">
        <v>227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92" t="s">
        <v>6</v>
      </c>
      <c r="C12" s="92"/>
      <c r="D12" s="92"/>
      <c r="E12" s="92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E12"/>
    <mergeCell ref="B14:C14"/>
    <mergeCell ref="D14:E14"/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</mergeCells>
  <conditionalFormatting sqref="C20:C21">
    <cfRule type="containsBlanks" dxfId="128" priority="3">
      <formula>LEN(TRIM(C20))=0</formula>
    </cfRule>
  </conditionalFormatting>
  <conditionalFormatting sqref="D10">
    <cfRule type="containsBlanks" dxfId="127" priority="1">
      <formula>LEN(TRIM(D10))=0</formula>
    </cfRule>
  </conditionalFormatting>
  <conditionalFormatting sqref="D14:E17">
    <cfRule type="containsBlanks" dxfId="126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A44CDE4-B2B9-4B2E-994D-DB060ACD1DBC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228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0" customHeight="1" thickBot="1" x14ac:dyDescent="0.3">
      <c r="B8" s="110" t="s">
        <v>229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231</v>
      </c>
      <c r="C9" s="114"/>
      <c r="D9" s="114"/>
      <c r="E9" s="114"/>
      <c r="F9" s="115"/>
    </row>
    <row r="10" spans="2:12" s="9" customFormat="1" ht="86.25" customHeight="1" thickBot="1" x14ac:dyDescent="0.3">
      <c r="B10" s="42" t="s">
        <v>18</v>
      </c>
      <c r="C10" s="43" t="s">
        <v>230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92" t="s">
        <v>6</v>
      </c>
      <c r="C12" s="92"/>
      <c r="D12" s="92"/>
      <c r="E12" s="92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E12"/>
    <mergeCell ref="B14:C14"/>
    <mergeCell ref="D14:E14"/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</mergeCells>
  <conditionalFormatting sqref="C20:C21">
    <cfRule type="containsBlanks" dxfId="125" priority="3">
      <formula>LEN(TRIM(C20))=0</formula>
    </cfRule>
  </conditionalFormatting>
  <conditionalFormatting sqref="D10">
    <cfRule type="containsBlanks" dxfId="124" priority="1">
      <formula>LEN(TRIM(D10))=0</formula>
    </cfRule>
  </conditionalFormatting>
  <conditionalFormatting sqref="D14:E17">
    <cfRule type="containsBlanks" dxfId="123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962E35F-E06E-4D65-8D1E-365730255FB2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232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0" customHeight="1" thickBot="1" x14ac:dyDescent="0.3">
      <c r="B8" s="110" t="s">
        <v>233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234</v>
      </c>
      <c r="C9" s="114"/>
      <c r="D9" s="114"/>
      <c r="E9" s="114"/>
      <c r="F9" s="115"/>
    </row>
    <row r="10" spans="2:12" s="9" customFormat="1" ht="86.25" customHeight="1" thickBot="1" x14ac:dyDescent="0.3">
      <c r="B10" s="42" t="s">
        <v>18</v>
      </c>
      <c r="C10" s="43" t="s">
        <v>235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92" t="s">
        <v>6</v>
      </c>
      <c r="C12" s="92"/>
      <c r="D12" s="92"/>
      <c r="E12" s="92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E12"/>
    <mergeCell ref="B14:C14"/>
    <mergeCell ref="D14:E14"/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</mergeCells>
  <conditionalFormatting sqref="C20:C21">
    <cfRule type="containsBlanks" dxfId="122" priority="3">
      <formula>LEN(TRIM(C20))=0</formula>
    </cfRule>
  </conditionalFormatting>
  <conditionalFormatting sqref="D10">
    <cfRule type="containsBlanks" dxfId="121" priority="1">
      <formula>LEN(TRIM(D10))=0</formula>
    </cfRule>
  </conditionalFormatting>
  <conditionalFormatting sqref="D14:E17">
    <cfRule type="containsBlanks" dxfId="120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FDC9B3-C815-49DB-81F1-D03813E54DA9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236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0" customHeight="1" thickBot="1" x14ac:dyDescent="0.3">
      <c r="B8" s="110" t="s">
        <v>237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238</v>
      </c>
      <c r="C9" s="114"/>
      <c r="D9" s="114"/>
      <c r="E9" s="114"/>
      <c r="F9" s="115"/>
    </row>
    <row r="10" spans="2:12" s="9" customFormat="1" ht="77.25" thickBot="1" x14ac:dyDescent="0.3">
      <c r="B10" s="36" t="s">
        <v>18</v>
      </c>
      <c r="C10" s="53" t="s">
        <v>239</v>
      </c>
      <c r="D10" s="10"/>
      <c r="E10" s="116"/>
      <c r="F10" s="117"/>
    </row>
    <row r="11" spans="2:12" s="9" customFormat="1" ht="30" customHeight="1" thickBot="1" x14ac:dyDescent="0.3">
      <c r="B11" s="113" t="s">
        <v>240</v>
      </c>
      <c r="C11" s="114" t="s">
        <v>21</v>
      </c>
      <c r="D11" s="114"/>
      <c r="E11" s="114"/>
      <c r="F11" s="115"/>
    </row>
    <row r="12" spans="2:12" s="9" customFormat="1" ht="98.25" customHeight="1" thickBot="1" x14ac:dyDescent="0.3">
      <c r="B12" s="37" t="s">
        <v>73</v>
      </c>
      <c r="C12" s="43" t="s">
        <v>241</v>
      </c>
      <c r="D12" s="44"/>
      <c r="E12" s="119"/>
      <c r="F12" s="120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92" t="s">
        <v>6</v>
      </c>
      <c r="C14" s="92"/>
      <c r="D14" s="92"/>
      <c r="E14" s="92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93" t="s">
        <v>7</v>
      </c>
      <c r="C16" s="93"/>
      <c r="D16" s="89"/>
      <c r="E16" s="89"/>
      <c r="H16" s="27"/>
    </row>
    <row r="17" spans="2:9" s="26" customFormat="1" ht="15" customHeight="1" x14ac:dyDescent="0.25">
      <c r="B17" s="88" t="s">
        <v>8</v>
      </c>
      <c r="C17" s="88"/>
      <c r="D17" s="89"/>
      <c r="E17" s="89"/>
    </row>
    <row r="18" spans="2:9" s="26" customFormat="1" ht="15" customHeight="1" x14ac:dyDescent="0.25">
      <c r="B18" s="88" t="s">
        <v>9</v>
      </c>
      <c r="C18" s="88"/>
      <c r="D18" s="89"/>
      <c r="E18" s="89"/>
    </row>
    <row r="19" spans="2:9" s="26" customFormat="1" ht="15" customHeight="1" x14ac:dyDescent="0.25">
      <c r="B19" s="88" t="s">
        <v>10</v>
      </c>
      <c r="C19" s="88"/>
      <c r="D19" s="89"/>
      <c r="E19" s="89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8"/>
      <c r="F24" s="118"/>
    </row>
    <row r="25" spans="2:9" ht="45" customHeight="1" x14ac:dyDescent="0.2">
      <c r="E25" s="86" t="s">
        <v>13</v>
      </c>
      <c r="F25" s="86"/>
      <c r="G25" s="29"/>
      <c r="H25" s="29"/>
    </row>
    <row r="26" spans="2:9" s="31" customFormat="1" x14ac:dyDescent="0.2">
      <c r="B26" s="87" t="s">
        <v>14</v>
      </c>
      <c r="C26" s="8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4:E14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  <mergeCell ref="B16:C16"/>
    <mergeCell ref="D16:E16"/>
    <mergeCell ref="B17:C17"/>
    <mergeCell ref="D17:E17"/>
    <mergeCell ref="B18:C18"/>
    <mergeCell ref="D18:E18"/>
    <mergeCell ref="B19:C19"/>
    <mergeCell ref="D19:E19"/>
    <mergeCell ref="E24:F24"/>
    <mergeCell ref="E25:F25"/>
    <mergeCell ref="B26:C26"/>
  </mergeCells>
  <conditionalFormatting sqref="D10">
    <cfRule type="containsBlanks" dxfId="119" priority="1">
      <formula>LEN(TRIM(D10))=0</formula>
    </cfRule>
  </conditionalFormatting>
  <conditionalFormatting sqref="D12 C22:C23">
    <cfRule type="containsBlanks" dxfId="118" priority="3">
      <formula>LEN(TRIM(C12))=0</formula>
    </cfRule>
  </conditionalFormatting>
  <conditionalFormatting sqref="D16:E19">
    <cfRule type="containsBlanks" dxfId="117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028DF11-9129-493F-A1D0-53425B352AE3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246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0" customHeight="1" thickBot="1" x14ac:dyDescent="0.3">
      <c r="B8" s="110" t="s">
        <v>247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248</v>
      </c>
      <c r="C9" s="114"/>
      <c r="D9" s="114"/>
      <c r="E9" s="114"/>
      <c r="F9" s="115"/>
    </row>
    <row r="10" spans="2:12" s="9" customFormat="1" ht="109.5" customHeight="1" thickBot="1" x14ac:dyDescent="0.3">
      <c r="B10" s="42" t="s">
        <v>18</v>
      </c>
      <c r="C10" s="45" t="s">
        <v>249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92" t="s">
        <v>6</v>
      </c>
      <c r="C12" s="92"/>
      <c r="D12" s="92"/>
      <c r="E12" s="92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E12"/>
    <mergeCell ref="B14:C14"/>
    <mergeCell ref="D14:E14"/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</mergeCells>
  <conditionalFormatting sqref="C20:C21">
    <cfRule type="containsBlanks" dxfId="116" priority="3">
      <formula>LEN(TRIM(C20))=0</formula>
    </cfRule>
  </conditionalFormatting>
  <conditionalFormatting sqref="D10">
    <cfRule type="containsBlanks" dxfId="115" priority="1">
      <formula>LEN(TRIM(D10))=0</formula>
    </cfRule>
  </conditionalFormatting>
  <conditionalFormatting sqref="D14:E17">
    <cfRule type="containsBlanks" dxfId="114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CB83652-8807-4C13-AA41-BA2AD47EECF2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242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0" customHeight="1" thickBot="1" x14ac:dyDescent="0.3">
      <c r="B8" s="110" t="s">
        <v>243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244</v>
      </c>
      <c r="C9" s="114"/>
      <c r="D9" s="114"/>
      <c r="E9" s="114"/>
      <c r="F9" s="115"/>
    </row>
    <row r="10" spans="2:12" s="9" customFormat="1" ht="80.25" customHeight="1" thickBot="1" x14ac:dyDescent="0.3">
      <c r="B10" s="42" t="s">
        <v>18</v>
      </c>
      <c r="C10" s="43" t="s">
        <v>245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92" t="s">
        <v>6</v>
      </c>
      <c r="C12" s="92"/>
      <c r="D12" s="92"/>
      <c r="E12" s="92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E12"/>
    <mergeCell ref="B14:C14"/>
    <mergeCell ref="D14:E14"/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</mergeCells>
  <conditionalFormatting sqref="C20:C21">
    <cfRule type="containsBlanks" dxfId="113" priority="3">
      <formula>LEN(TRIM(C20))=0</formula>
    </cfRule>
  </conditionalFormatting>
  <conditionalFormatting sqref="D10">
    <cfRule type="containsBlanks" dxfId="112" priority="1">
      <formula>LEN(TRIM(D10))=0</formula>
    </cfRule>
  </conditionalFormatting>
  <conditionalFormatting sqref="D14:E17">
    <cfRule type="containsBlanks" dxfId="111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E85A16D-D3A7-4636-B842-6CFE00CD1C0A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250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0" customHeight="1" thickBot="1" x14ac:dyDescent="0.3">
      <c r="B8" s="110" t="s">
        <v>251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252</v>
      </c>
      <c r="C9" s="114"/>
      <c r="D9" s="114"/>
      <c r="E9" s="114"/>
      <c r="F9" s="115"/>
    </row>
    <row r="10" spans="2:12" s="9" customFormat="1" ht="80.25" customHeight="1" thickBot="1" x14ac:dyDescent="0.3">
      <c r="B10" s="42" t="s">
        <v>18</v>
      </c>
      <c r="C10" s="43" t="s">
        <v>253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92" t="s">
        <v>6</v>
      </c>
      <c r="C12" s="92"/>
      <c r="D12" s="92"/>
      <c r="E12" s="92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E12"/>
    <mergeCell ref="B14:C14"/>
    <mergeCell ref="D14:E14"/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</mergeCells>
  <conditionalFormatting sqref="C20:C21">
    <cfRule type="containsBlanks" dxfId="110" priority="3">
      <formula>LEN(TRIM(C20))=0</formula>
    </cfRule>
  </conditionalFormatting>
  <conditionalFormatting sqref="D10">
    <cfRule type="containsBlanks" dxfId="109" priority="1">
      <formula>LEN(TRIM(D10))=0</formula>
    </cfRule>
  </conditionalFormatting>
  <conditionalFormatting sqref="D14:E17">
    <cfRule type="containsBlanks" dxfId="108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4ABB2F-DFD0-4B72-A9E1-8693E315ED96}">
  <sheetPr>
    <tabColor rgb="FFD3B5E9"/>
  </sheetPr>
  <dimension ref="B1:L30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88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6" customHeight="1" thickBot="1" x14ac:dyDescent="0.3">
      <c r="B8" s="110" t="s">
        <v>89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90</v>
      </c>
      <c r="C9" s="114"/>
      <c r="D9" s="114"/>
      <c r="E9" s="114"/>
      <c r="F9" s="115"/>
    </row>
    <row r="10" spans="2:12" s="9" customFormat="1" ht="54.75" customHeight="1" thickBot="1" x14ac:dyDescent="0.3">
      <c r="B10" s="36" t="s">
        <v>18</v>
      </c>
      <c r="C10" s="35" t="s">
        <v>92</v>
      </c>
      <c r="D10" s="10"/>
      <c r="E10" s="116"/>
      <c r="F10" s="117"/>
    </row>
    <row r="11" spans="2:12" s="9" customFormat="1" ht="30" customHeight="1" thickBot="1" x14ac:dyDescent="0.3">
      <c r="B11" s="113" t="s">
        <v>91</v>
      </c>
      <c r="C11" s="114" t="s">
        <v>21</v>
      </c>
      <c r="D11" s="114"/>
      <c r="E11" s="114"/>
      <c r="F11" s="115"/>
    </row>
    <row r="12" spans="2:12" s="9" customFormat="1" ht="60" customHeight="1" x14ac:dyDescent="0.25">
      <c r="B12" s="36" t="s">
        <v>73</v>
      </c>
      <c r="C12" s="41" t="s">
        <v>93</v>
      </c>
      <c r="D12" s="11"/>
      <c r="E12" s="90"/>
      <c r="F12" s="91"/>
    </row>
    <row r="13" spans="2:12" s="9" customFormat="1" ht="69.75" customHeight="1" thickBot="1" x14ac:dyDescent="0.3">
      <c r="B13" s="37" t="s">
        <v>95</v>
      </c>
      <c r="C13" s="38" t="s">
        <v>94</v>
      </c>
      <c r="D13" s="16"/>
      <c r="E13" s="119"/>
      <c r="F13" s="120"/>
    </row>
    <row r="14" spans="2:12" s="9" customFormat="1" ht="30" customHeight="1" thickBot="1" x14ac:dyDescent="0.3">
      <c r="B14" s="113" t="s">
        <v>96</v>
      </c>
      <c r="C14" s="114" t="s">
        <v>21</v>
      </c>
      <c r="D14" s="114"/>
      <c r="E14" s="114"/>
      <c r="F14" s="115"/>
    </row>
    <row r="15" spans="2:12" s="9" customFormat="1" ht="36" customHeight="1" thickBot="1" x14ac:dyDescent="0.3">
      <c r="B15" s="42" t="s">
        <v>75</v>
      </c>
      <c r="C15" s="43" t="s">
        <v>97</v>
      </c>
      <c r="D15" s="44"/>
      <c r="E15" s="121"/>
      <c r="F15" s="122"/>
    </row>
    <row r="16" spans="2:12" s="9" customFormat="1" ht="12" customHeight="1" x14ac:dyDescent="0.25">
      <c r="B16" s="19"/>
      <c r="C16" s="20"/>
      <c r="D16" s="21"/>
      <c r="E16" s="22"/>
    </row>
    <row r="17" spans="2:11" s="24" customFormat="1" ht="20.100000000000001" customHeight="1" x14ac:dyDescent="0.25">
      <c r="B17" s="92" t="s">
        <v>6</v>
      </c>
      <c r="C17" s="92"/>
      <c r="D17" s="92"/>
      <c r="E17" s="92"/>
      <c r="F17" s="23"/>
      <c r="G17" s="23"/>
      <c r="H17" s="23"/>
      <c r="I17" s="23"/>
      <c r="J17" s="23"/>
      <c r="K17" s="23"/>
    </row>
    <row r="18" spans="2:11" s="24" customFormat="1" ht="20.100000000000001" customHeight="1" x14ac:dyDescent="0.25">
      <c r="B18" s="25"/>
      <c r="C18" s="25"/>
      <c r="D18" s="25"/>
      <c r="E18" s="25"/>
      <c r="F18" s="23"/>
      <c r="G18" s="23"/>
      <c r="H18" s="23"/>
      <c r="I18" s="23"/>
      <c r="J18" s="23"/>
      <c r="K18" s="23"/>
    </row>
    <row r="19" spans="2:11" s="26" customFormat="1" ht="30" customHeight="1" x14ac:dyDescent="0.25">
      <c r="B19" s="93" t="s">
        <v>7</v>
      </c>
      <c r="C19" s="93"/>
      <c r="D19" s="89"/>
      <c r="E19" s="89"/>
      <c r="H19" s="27"/>
    </row>
    <row r="20" spans="2:11" s="26" customFormat="1" ht="15" customHeight="1" x14ac:dyDescent="0.25">
      <c r="B20" s="88" t="s">
        <v>8</v>
      </c>
      <c r="C20" s="88"/>
      <c r="D20" s="89"/>
      <c r="E20" s="89"/>
    </row>
    <row r="21" spans="2:11" s="26" customFormat="1" ht="15" customHeight="1" x14ac:dyDescent="0.25">
      <c r="B21" s="88" t="s">
        <v>9</v>
      </c>
      <c r="C21" s="88"/>
      <c r="D21" s="89"/>
      <c r="E21" s="89"/>
    </row>
    <row r="22" spans="2:11" s="26" customFormat="1" ht="15" customHeight="1" x14ac:dyDescent="0.25">
      <c r="B22" s="88" t="s">
        <v>10</v>
      </c>
      <c r="C22" s="88"/>
      <c r="D22" s="89"/>
      <c r="E22" s="89"/>
    </row>
    <row r="25" spans="2:11" ht="15" customHeight="1" x14ac:dyDescent="0.2">
      <c r="B25" s="2" t="s">
        <v>11</v>
      </c>
      <c r="C25" s="28"/>
      <c r="D25" s="1"/>
      <c r="F25" s="2"/>
      <c r="G25" s="2"/>
      <c r="H25" s="2"/>
    </row>
    <row r="26" spans="2:11" ht="15" customHeight="1" x14ac:dyDescent="0.2">
      <c r="B26" s="2" t="s">
        <v>12</v>
      </c>
      <c r="C26" s="28"/>
      <c r="D26" s="1"/>
      <c r="F26" s="2"/>
      <c r="G26" s="2"/>
      <c r="H26" s="2"/>
    </row>
    <row r="27" spans="2:11" ht="39.950000000000003" customHeight="1" x14ac:dyDescent="0.2">
      <c r="E27" s="118"/>
      <c r="F27" s="118"/>
    </row>
    <row r="28" spans="2:11" ht="45" customHeight="1" x14ac:dyDescent="0.2">
      <c r="E28" s="86" t="s">
        <v>13</v>
      </c>
      <c r="F28" s="86"/>
      <c r="G28" s="29"/>
      <c r="H28" s="29"/>
    </row>
    <row r="29" spans="2:11" s="31" customFormat="1" x14ac:dyDescent="0.2">
      <c r="B29" s="87" t="s">
        <v>14</v>
      </c>
      <c r="C29" s="87"/>
      <c r="D29" s="30"/>
      <c r="E29" s="29"/>
      <c r="F29" s="1"/>
      <c r="G29" s="1"/>
      <c r="H29" s="1"/>
    </row>
    <row r="30" spans="2:11" s="31" customFormat="1" ht="12" customHeight="1" x14ac:dyDescent="0.2">
      <c r="B30" s="32"/>
      <c r="C30" s="33" t="s">
        <v>15</v>
      </c>
      <c r="D30" s="33"/>
      <c r="E30" s="34"/>
      <c r="F30" s="1"/>
      <c r="G30" s="1"/>
      <c r="H30" s="1"/>
      <c r="I30" s="29"/>
    </row>
  </sheetData>
  <mergeCells count="27">
    <mergeCell ref="B22:C22"/>
    <mergeCell ref="D22:E22"/>
    <mergeCell ref="E27:F27"/>
    <mergeCell ref="E28:F28"/>
    <mergeCell ref="B29:C29"/>
    <mergeCell ref="B19:C19"/>
    <mergeCell ref="D19:E19"/>
    <mergeCell ref="B20:C20"/>
    <mergeCell ref="D20:E20"/>
    <mergeCell ref="B21:C21"/>
    <mergeCell ref="D21:E21"/>
    <mergeCell ref="E13:F13"/>
    <mergeCell ref="B14:F14"/>
    <mergeCell ref="E15:F15"/>
    <mergeCell ref="B17:E17"/>
    <mergeCell ref="B8:F8"/>
    <mergeCell ref="B9:F9"/>
    <mergeCell ref="E10:F10"/>
    <mergeCell ref="B11:F11"/>
    <mergeCell ref="E12:F12"/>
    <mergeCell ref="B1:E1"/>
    <mergeCell ref="B2:E2"/>
    <mergeCell ref="B3:E3"/>
    <mergeCell ref="B5:E5"/>
    <mergeCell ref="B6:C7"/>
    <mergeCell ref="D6:F6"/>
    <mergeCell ref="E7:F7"/>
  </mergeCells>
  <conditionalFormatting sqref="C25:C26">
    <cfRule type="containsBlanks" dxfId="189" priority="3">
      <formula>LEN(TRIM(C25))=0</formula>
    </cfRule>
  </conditionalFormatting>
  <conditionalFormatting sqref="D10 D12:D13 D15">
    <cfRule type="containsBlanks" dxfId="188" priority="1">
      <formula>LEN(TRIM(D10))=0</formula>
    </cfRule>
  </conditionalFormatting>
  <conditionalFormatting sqref="D19:E22">
    <cfRule type="containsBlanks" dxfId="187" priority="2">
      <formula>LEN(TRIM(D19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2A55058-0A06-45AF-B3EE-2D8BB8186C5F}">
  <sheetPr>
    <tabColor rgb="FFD3B5E9"/>
  </sheetPr>
  <dimension ref="B1:L31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254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0" customHeight="1" thickBot="1" x14ac:dyDescent="0.3">
      <c r="B8" s="110" t="s">
        <v>255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256</v>
      </c>
      <c r="C9" s="114"/>
      <c r="D9" s="114"/>
      <c r="E9" s="114"/>
      <c r="F9" s="115"/>
    </row>
    <row r="10" spans="2:12" s="9" customFormat="1" ht="46.5" customHeight="1" x14ac:dyDescent="0.25">
      <c r="B10" s="46" t="s">
        <v>18</v>
      </c>
      <c r="C10" s="55" t="s">
        <v>257</v>
      </c>
      <c r="D10" s="56"/>
      <c r="E10" s="123"/>
      <c r="F10" s="124"/>
    </row>
    <row r="11" spans="2:12" s="9" customFormat="1" ht="44.25" customHeight="1" x14ac:dyDescent="0.25">
      <c r="B11" s="36" t="s">
        <v>20</v>
      </c>
      <c r="C11" s="35" t="s">
        <v>258</v>
      </c>
      <c r="D11" s="57"/>
      <c r="E11" s="90"/>
      <c r="F11" s="91"/>
    </row>
    <row r="12" spans="2:12" s="9" customFormat="1" ht="58.5" customHeight="1" x14ac:dyDescent="0.25">
      <c r="B12" s="36" t="s">
        <v>22</v>
      </c>
      <c r="C12" s="35" t="s">
        <v>259</v>
      </c>
      <c r="D12" s="57"/>
      <c r="E12" s="90"/>
      <c r="F12" s="91"/>
    </row>
    <row r="13" spans="2:12" s="9" customFormat="1" ht="36" customHeight="1" x14ac:dyDescent="0.25">
      <c r="B13" s="36" t="s">
        <v>24</v>
      </c>
      <c r="C13" s="35" t="s">
        <v>260</v>
      </c>
      <c r="D13" s="57"/>
      <c r="E13" s="90"/>
      <c r="F13" s="91"/>
    </row>
    <row r="14" spans="2:12" s="9" customFormat="1" ht="44.25" customHeight="1" x14ac:dyDescent="0.25">
      <c r="B14" s="36" t="s">
        <v>25</v>
      </c>
      <c r="C14" s="35" t="s">
        <v>261</v>
      </c>
      <c r="D14" s="57"/>
      <c r="E14" s="90"/>
      <c r="F14" s="91"/>
    </row>
    <row r="15" spans="2:12" s="9" customFormat="1" ht="28.5" customHeight="1" x14ac:dyDescent="0.25">
      <c r="B15" s="36" t="s">
        <v>27</v>
      </c>
      <c r="C15" s="35" t="s">
        <v>262</v>
      </c>
      <c r="D15" s="57"/>
      <c r="E15" s="90"/>
      <c r="F15" s="91"/>
    </row>
    <row r="16" spans="2:12" s="9" customFormat="1" ht="28.5" customHeight="1" thickBot="1" x14ac:dyDescent="0.3">
      <c r="B16" s="37" t="s">
        <v>29</v>
      </c>
      <c r="C16" s="38" t="s">
        <v>263</v>
      </c>
      <c r="D16" s="58"/>
      <c r="E16" s="119"/>
      <c r="F16" s="120"/>
    </row>
    <row r="17" spans="2:11" s="9" customFormat="1" ht="12" customHeight="1" x14ac:dyDescent="0.25">
      <c r="B17" s="19"/>
      <c r="C17" s="20"/>
      <c r="D17" s="21"/>
      <c r="E17" s="22"/>
    </row>
    <row r="18" spans="2:11" s="24" customFormat="1" ht="20.100000000000001" customHeight="1" x14ac:dyDescent="0.25">
      <c r="B18" s="92" t="s">
        <v>6</v>
      </c>
      <c r="C18" s="92"/>
      <c r="D18" s="92"/>
      <c r="E18" s="92"/>
      <c r="F18" s="23"/>
      <c r="G18" s="23"/>
      <c r="H18" s="23"/>
      <c r="I18" s="23"/>
      <c r="J18" s="23"/>
      <c r="K18" s="23"/>
    </row>
    <row r="19" spans="2:11" s="24" customFormat="1" ht="20.100000000000001" customHeight="1" x14ac:dyDescent="0.25">
      <c r="B19" s="25"/>
      <c r="C19" s="25"/>
      <c r="D19" s="25"/>
      <c r="E19" s="25"/>
      <c r="F19" s="23"/>
      <c r="G19" s="23"/>
      <c r="H19" s="23"/>
      <c r="I19" s="23"/>
      <c r="J19" s="23"/>
      <c r="K19" s="23"/>
    </row>
    <row r="20" spans="2:11" s="26" customFormat="1" ht="30" customHeight="1" x14ac:dyDescent="0.25">
      <c r="B20" s="93" t="s">
        <v>7</v>
      </c>
      <c r="C20" s="93"/>
      <c r="D20" s="89"/>
      <c r="E20" s="89"/>
      <c r="H20" s="27"/>
    </row>
    <row r="21" spans="2:11" s="26" customFormat="1" ht="15" customHeight="1" x14ac:dyDescent="0.25">
      <c r="B21" s="88" t="s">
        <v>8</v>
      </c>
      <c r="C21" s="88"/>
      <c r="D21" s="89"/>
      <c r="E21" s="89"/>
    </row>
    <row r="22" spans="2:11" s="26" customFormat="1" ht="15" customHeight="1" x14ac:dyDescent="0.25">
      <c r="B22" s="88" t="s">
        <v>9</v>
      </c>
      <c r="C22" s="88"/>
      <c r="D22" s="89"/>
      <c r="E22" s="89"/>
    </row>
    <row r="23" spans="2:11" s="26" customFormat="1" ht="15" customHeight="1" x14ac:dyDescent="0.25">
      <c r="B23" s="88" t="s">
        <v>10</v>
      </c>
      <c r="C23" s="88"/>
      <c r="D23" s="89"/>
      <c r="E23" s="89"/>
    </row>
    <row r="26" spans="2:11" ht="15" customHeight="1" x14ac:dyDescent="0.2">
      <c r="B26" s="2" t="s">
        <v>11</v>
      </c>
      <c r="C26" s="28"/>
      <c r="D26" s="1"/>
      <c r="F26" s="2"/>
      <c r="G26" s="2"/>
      <c r="H26" s="2"/>
    </row>
    <row r="27" spans="2:11" ht="15" customHeight="1" x14ac:dyDescent="0.2">
      <c r="B27" s="2" t="s">
        <v>12</v>
      </c>
      <c r="C27" s="28"/>
      <c r="D27" s="1"/>
      <c r="F27" s="2"/>
      <c r="G27" s="2"/>
      <c r="H27" s="2"/>
    </row>
    <row r="28" spans="2:11" ht="39.950000000000003" customHeight="1" x14ac:dyDescent="0.2">
      <c r="E28" s="118"/>
      <c r="F28" s="118"/>
    </row>
    <row r="29" spans="2:11" ht="45" customHeight="1" x14ac:dyDescent="0.2">
      <c r="E29" s="86" t="s">
        <v>13</v>
      </c>
      <c r="F29" s="86"/>
      <c r="G29" s="29"/>
      <c r="H29" s="29"/>
    </row>
    <row r="30" spans="2:11" s="31" customFormat="1" x14ac:dyDescent="0.2">
      <c r="B30" s="87" t="s">
        <v>14</v>
      </c>
      <c r="C30" s="87"/>
      <c r="D30" s="30"/>
      <c r="E30" s="29"/>
      <c r="F30" s="1"/>
      <c r="G30" s="1"/>
      <c r="H30" s="1"/>
    </row>
    <row r="31" spans="2:11" s="31" customFormat="1" ht="12" customHeight="1" x14ac:dyDescent="0.2">
      <c r="B31" s="32"/>
      <c r="C31" s="33" t="s">
        <v>15</v>
      </c>
      <c r="D31" s="33"/>
      <c r="E31" s="34"/>
      <c r="F31" s="1"/>
      <c r="G31" s="1"/>
      <c r="H31" s="1"/>
      <c r="I31" s="29"/>
    </row>
  </sheetData>
  <mergeCells count="28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8:E18"/>
    <mergeCell ref="B20:C20"/>
    <mergeCell ref="D20:E20"/>
    <mergeCell ref="E28:F28"/>
    <mergeCell ref="E29:F29"/>
    <mergeCell ref="B30:C30"/>
    <mergeCell ref="E11:F11"/>
    <mergeCell ref="E12:F12"/>
    <mergeCell ref="E13:F13"/>
    <mergeCell ref="E14:F14"/>
    <mergeCell ref="E15:F15"/>
    <mergeCell ref="E16:F16"/>
    <mergeCell ref="B21:C21"/>
    <mergeCell ref="D21:E21"/>
    <mergeCell ref="B22:C22"/>
    <mergeCell ref="D22:E22"/>
    <mergeCell ref="B23:C23"/>
    <mergeCell ref="D23:E23"/>
  </mergeCells>
  <conditionalFormatting sqref="C26:C27">
    <cfRule type="containsBlanks" dxfId="107" priority="3">
      <formula>LEN(TRIM(C26))=0</formula>
    </cfRule>
  </conditionalFormatting>
  <conditionalFormatting sqref="D10:D16">
    <cfRule type="containsBlanks" dxfId="106" priority="1">
      <formula>LEN(TRIM(D10))=0</formula>
    </cfRule>
  </conditionalFormatting>
  <conditionalFormatting sqref="D20:E23">
    <cfRule type="containsBlanks" dxfId="105" priority="2">
      <formula>LEN(TRIM(D20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436F313-5E7C-4853-9ACD-3C2250D59D79}">
  <sheetPr>
    <tabColor rgb="FFD3B5E9"/>
  </sheetPr>
  <dimension ref="B1:L30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265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75" customHeight="1" thickBot="1" x14ac:dyDescent="0.3">
      <c r="B8" s="110" t="s">
        <v>264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266</v>
      </c>
      <c r="C9" s="114"/>
      <c r="D9" s="114"/>
      <c r="E9" s="114"/>
      <c r="F9" s="115"/>
    </row>
    <row r="10" spans="2:12" s="9" customFormat="1" ht="84" customHeight="1" x14ac:dyDescent="0.25">
      <c r="B10" s="46" t="s">
        <v>18</v>
      </c>
      <c r="C10" s="53" t="s">
        <v>267</v>
      </c>
      <c r="D10" s="56"/>
      <c r="E10" s="123"/>
      <c r="F10" s="124"/>
    </row>
    <row r="11" spans="2:12" s="9" customFormat="1" ht="42.75" customHeight="1" x14ac:dyDescent="0.25">
      <c r="B11" s="36" t="s">
        <v>20</v>
      </c>
      <c r="C11" s="35" t="s">
        <v>268</v>
      </c>
      <c r="D11" s="57"/>
      <c r="E11" s="90"/>
      <c r="F11" s="91"/>
    </row>
    <row r="12" spans="2:12" s="9" customFormat="1" ht="45" customHeight="1" x14ac:dyDescent="0.25">
      <c r="B12" s="36" t="s">
        <v>22</v>
      </c>
      <c r="C12" s="51" t="s">
        <v>269</v>
      </c>
      <c r="D12" s="57"/>
      <c r="E12" s="90"/>
      <c r="F12" s="91"/>
    </row>
    <row r="13" spans="2:12" s="9" customFormat="1" ht="29.25" customHeight="1" x14ac:dyDescent="0.25">
      <c r="B13" s="36" t="s">
        <v>24</v>
      </c>
      <c r="C13" s="51" t="s">
        <v>270</v>
      </c>
      <c r="D13" s="57"/>
      <c r="E13" s="90"/>
      <c r="F13" s="91"/>
    </row>
    <row r="14" spans="2:12" s="9" customFormat="1" ht="34.5" customHeight="1" x14ac:dyDescent="0.25">
      <c r="B14" s="36" t="s">
        <v>25</v>
      </c>
      <c r="C14" s="35" t="s">
        <v>271</v>
      </c>
      <c r="D14" s="57"/>
      <c r="E14" s="90"/>
      <c r="F14" s="91"/>
    </row>
    <row r="15" spans="2:12" s="9" customFormat="1" ht="31.5" customHeight="1" thickBot="1" x14ac:dyDescent="0.3">
      <c r="B15" s="37" t="s">
        <v>27</v>
      </c>
      <c r="C15" s="60" t="s">
        <v>272</v>
      </c>
      <c r="D15" s="58"/>
      <c r="E15" s="119"/>
      <c r="F15" s="120"/>
    </row>
    <row r="16" spans="2:12" s="9" customFormat="1" ht="12" customHeight="1" x14ac:dyDescent="0.25">
      <c r="B16" s="19"/>
      <c r="C16" s="20"/>
      <c r="D16" s="21"/>
      <c r="E16" s="22"/>
    </row>
    <row r="17" spans="2:11" s="24" customFormat="1" ht="20.100000000000001" customHeight="1" x14ac:dyDescent="0.25">
      <c r="B17" s="92" t="s">
        <v>6</v>
      </c>
      <c r="C17" s="92"/>
      <c r="D17" s="92"/>
      <c r="E17" s="92"/>
      <c r="F17" s="23"/>
      <c r="G17" s="23"/>
      <c r="H17" s="23"/>
      <c r="I17" s="23"/>
      <c r="J17" s="23"/>
      <c r="K17" s="23"/>
    </row>
    <row r="18" spans="2:11" s="24" customFormat="1" ht="20.100000000000001" customHeight="1" x14ac:dyDescent="0.25">
      <c r="B18" s="25"/>
      <c r="C18" s="25"/>
      <c r="D18" s="25"/>
      <c r="E18" s="25"/>
      <c r="F18" s="23"/>
      <c r="G18" s="23"/>
      <c r="H18" s="23"/>
      <c r="I18" s="23"/>
      <c r="J18" s="23"/>
      <c r="K18" s="23"/>
    </row>
    <row r="19" spans="2:11" s="26" customFormat="1" ht="30" customHeight="1" x14ac:dyDescent="0.25">
      <c r="B19" s="93" t="s">
        <v>7</v>
      </c>
      <c r="C19" s="93"/>
      <c r="D19" s="89"/>
      <c r="E19" s="89"/>
      <c r="H19" s="27"/>
    </row>
    <row r="20" spans="2:11" s="26" customFormat="1" ht="15" customHeight="1" x14ac:dyDescent="0.25">
      <c r="B20" s="88" t="s">
        <v>8</v>
      </c>
      <c r="C20" s="88"/>
      <c r="D20" s="89"/>
      <c r="E20" s="89"/>
    </row>
    <row r="21" spans="2:11" s="26" customFormat="1" ht="15" customHeight="1" x14ac:dyDescent="0.25">
      <c r="B21" s="88" t="s">
        <v>9</v>
      </c>
      <c r="C21" s="88"/>
      <c r="D21" s="89"/>
      <c r="E21" s="89"/>
    </row>
    <row r="22" spans="2:11" s="26" customFormat="1" ht="15" customHeight="1" x14ac:dyDescent="0.25">
      <c r="B22" s="88" t="s">
        <v>10</v>
      </c>
      <c r="C22" s="88"/>
      <c r="D22" s="89"/>
      <c r="E22" s="89"/>
    </row>
    <row r="25" spans="2:11" ht="15" customHeight="1" x14ac:dyDescent="0.2">
      <c r="B25" s="2" t="s">
        <v>11</v>
      </c>
      <c r="C25" s="28"/>
      <c r="D25" s="1"/>
      <c r="F25" s="2"/>
      <c r="G25" s="2"/>
      <c r="H25" s="2"/>
    </row>
    <row r="26" spans="2:11" ht="15" customHeight="1" x14ac:dyDescent="0.2">
      <c r="B26" s="2" t="s">
        <v>12</v>
      </c>
      <c r="C26" s="28"/>
      <c r="D26" s="1"/>
      <c r="F26" s="2"/>
      <c r="G26" s="2"/>
      <c r="H26" s="2"/>
    </row>
    <row r="27" spans="2:11" ht="39.950000000000003" customHeight="1" x14ac:dyDescent="0.2">
      <c r="E27" s="118"/>
      <c r="F27" s="118"/>
    </row>
    <row r="28" spans="2:11" ht="45" customHeight="1" x14ac:dyDescent="0.2">
      <c r="E28" s="86" t="s">
        <v>13</v>
      </c>
      <c r="F28" s="86"/>
      <c r="G28" s="29"/>
      <c r="H28" s="29"/>
    </row>
    <row r="29" spans="2:11" s="31" customFormat="1" x14ac:dyDescent="0.2">
      <c r="B29" s="87" t="s">
        <v>14</v>
      </c>
      <c r="C29" s="87"/>
      <c r="D29" s="30"/>
      <c r="E29" s="29"/>
      <c r="F29" s="1"/>
      <c r="G29" s="1"/>
      <c r="H29" s="1"/>
    </row>
    <row r="30" spans="2:11" s="31" customFormat="1" ht="12" customHeight="1" x14ac:dyDescent="0.2">
      <c r="B30" s="32"/>
      <c r="C30" s="33" t="s">
        <v>15</v>
      </c>
      <c r="D30" s="33"/>
      <c r="E30" s="34"/>
      <c r="F30" s="1"/>
      <c r="G30" s="1"/>
      <c r="H30" s="1"/>
      <c r="I30" s="29"/>
    </row>
  </sheetData>
  <mergeCells count="27">
    <mergeCell ref="E13:F13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1:F11"/>
    <mergeCell ref="E12:F12"/>
    <mergeCell ref="E14:F14"/>
    <mergeCell ref="E15:F15"/>
    <mergeCell ref="B17:E17"/>
    <mergeCell ref="B19:C19"/>
    <mergeCell ref="D19:E19"/>
    <mergeCell ref="E27:F27"/>
    <mergeCell ref="E28:F28"/>
    <mergeCell ref="B29:C29"/>
    <mergeCell ref="B20:C20"/>
    <mergeCell ref="D20:E20"/>
    <mergeCell ref="B21:C21"/>
    <mergeCell ref="D21:E21"/>
    <mergeCell ref="B22:C22"/>
    <mergeCell ref="D22:E22"/>
  </mergeCells>
  <conditionalFormatting sqref="C25:C26">
    <cfRule type="containsBlanks" dxfId="104" priority="3">
      <formula>LEN(TRIM(C25))=0</formula>
    </cfRule>
  </conditionalFormatting>
  <conditionalFormatting sqref="D10:D15">
    <cfRule type="containsBlanks" dxfId="103" priority="1">
      <formula>LEN(TRIM(D10))=0</formula>
    </cfRule>
  </conditionalFormatting>
  <conditionalFormatting sqref="D19:E22">
    <cfRule type="containsBlanks" dxfId="102" priority="2">
      <formula>LEN(TRIM(D19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B289B60-F162-4BC4-AF3C-20D47BBCDA0D}">
  <sheetPr>
    <tabColor rgb="FFD3B5E9"/>
  </sheetPr>
  <dimension ref="B1:L35"/>
  <sheetViews>
    <sheetView showGridLines="0" topLeftCell="A19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273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3.75" customHeight="1" thickBot="1" x14ac:dyDescent="0.3">
      <c r="B8" s="110" t="s">
        <v>274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275</v>
      </c>
      <c r="C9" s="114"/>
      <c r="D9" s="114"/>
      <c r="E9" s="114"/>
      <c r="F9" s="115"/>
    </row>
    <row r="10" spans="2:12" s="9" customFormat="1" ht="74.25" customHeight="1" thickBot="1" x14ac:dyDescent="0.3">
      <c r="B10" s="46" t="s">
        <v>18</v>
      </c>
      <c r="C10" s="35" t="s">
        <v>288</v>
      </c>
      <c r="D10" s="56"/>
      <c r="E10" s="123"/>
      <c r="F10" s="124"/>
    </row>
    <row r="11" spans="2:12" s="9" customFormat="1" ht="28.5" customHeight="1" thickBot="1" x14ac:dyDescent="0.3">
      <c r="B11" s="113" t="s">
        <v>276</v>
      </c>
      <c r="C11" s="114"/>
      <c r="D11" s="114"/>
      <c r="E11" s="114"/>
      <c r="F11" s="115"/>
    </row>
    <row r="12" spans="2:12" s="9" customFormat="1" ht="42.75" customHeight="1" thickBot="1" x14ac:dyDescent="0.3">
      <c r="B12" s="36" t="s">
        <v>73</v>
      </c>
      <c r="C12" s="35" t="s">
        <v>286</v>
      </c>
      <c r="D12" s="57"/>
      <c r="E12" s="90"/>
      <c r="F12" s="91"/>
    </row>
    <row r="13" spans="2:12" s="9" customFormat="1" ht="28.5" customHeight="1" thickBot="1" x14ac:dyDescent="0.3">
      <c r="B13" s="113" t="s">
        <v>277</v>
      </c>
      <c r="C13" s="114"/>
      <c r="D13" s="114"/>
      <c r="E13" s="114"/>
      <c r="F13" s="115"/>
    </row>
    <row r="14" spans="2:12" s="9" customFormat="1" ht="45" customHeight="1" thickBot="1" x14ac:dyDescent="0.3">
      <c r="B14" s="36" t="s">
        <v>75</v>
      </c>
      <c r="C14" s="35" t="s">
        <v>285</v>
      </c>
      <c r="D14" s="57"/>
      <c r="E14" s="90"/>
      <c r="F14" s="91"/>
    </row>
    <row r="15" spans="2:12" s="9" customFormat="1" ht="28.5" customHeight="1" thickBot="1" x14ac:dyDescent="0.3">
      <c r="B15" s="113" t="s">
        <v>278</v>
      </c>
      <c r="C15" s="114"/>
      <c r="D15" s="114"/>
      <c r="E15" s="114"/>
      <c r="F15" s="115"/>
    </row>
    <row r="16" spans="2:12" s="9" customFormat="1" ht="56.25" customHeight="1" x14ac:dyDescent="0.25">
      <c r="B16" s="36" t="s">
        <v>77</v>
      </c>
      <c r="C16" s="35" t="s">
        <v>287</v>
      </c>
      <c r="D16" s="57"/>
      <c r="E16" s="90"/>
      <c r="F16" s="91"/>
    </row>
    <row r="17" spans="2:11" s="9" customFormat="1" ht="34.5" customHeight="1" x14ac:dyDescent="0.25">
      <c r="B17" s="36" t="s">
        <v>281</v>
      </c>
      <c r="C17" s="35" t="s">
        <v>282</v>
      </c>
      <c r="D17" s="57"/>
      <c r="E17" s="90"/>
      <c r="F17" s="91"/>
    </row>
    <row r="18" spans="2:11" s="9" customFormat="1" ht="34.5" customHeight="1" thickBot="1" x14ac:dyDescent="0.3">
      <c r="B18" s="37" t="s">
        <v>283</v>
      </c>
      <c r="C18" s="53" t="s">
        <v>284</v>
      </c>
      <c r="D18" s="54"/>
      <c r="E18" s="21"/>
      <c r="F18" s="40"/>
    </row>
    <row r="19" spans="2:11" s="9" customFormat="1" ht="28.5" customHeight="1" thickBot="1" x14ac:dyDescent="0.3">
      <c r="B19" s="113" t="s">
        <v>279</v>
      </c>
      <c r="C19" s="114"/>
      <c r="D19" s="114"/>
      <c r="E19" s="114"/>
      <c r="F19" s="115"/>
    </row>
    <row r="20" spans="2:11" s="9" customFormat="1" ht="31.5" customHeight="1" thickBot="1" x14ac:dyDescent="0.3">
      <c r="B20" s="37" t="s">
        <v>79</v>
      </c>
      <c r="C20" s="43" t="s">
        <v>280</v>
      </c>
      <c r="D20" s="58"/>
      <c r="E20" s="119"/>
      <c r="F20" s="120"/>
    </row>
    <row r="21" spans="2:11" s="9" customFormat="1" ht="12" customHeight="1" x14ac:dyDescent="0.25">
      <c r="B21" s="19"/>
      <c r="C21" s="20"/>
      <c r="D21" s="21"/>
      <c r="E21" s="22"/>
    </row>
    <row r="22" spans="2:11" s="24" customFormat="1" ht="20.100000000000001" customHeight="1" x14ac:dyDescent="0.25">
      <c r="B22" s="92" t="s">
        <v>6</v>
      </c>
      <c r="C22" s="92"/>
      <c r="D22" s="92"/>
      <c r="E22" s="92"/>
      <c r="F22" s="23"/>
      <c r="G22" s="23"/>
      <c r="H22" s="23"/>
      <c r="I22" s="23"/>
      <c r="J22" s="23"/>
      <c r="K22" s="23"/>
    </row>
    <row r="23" spans="2:11" s="24" customFormat="1" ht="20.100000000000001" customHeight="1" x14ac:dyDescent="0.25">
      <c r="B23" s="25"/>
      <c r="C23" s="25"/>
      <c r="D23" s="25"/>
      <c r="E23" s="25"/>
      <c r="F23" s="23"/>
      <c r="G23" s="23"/>
      <c r="H23" s="23"/>
      <c r="I23" s="23"/>
      <c r="J23" s="23"/>
      <c r="K23" s="23"/>
    </row>
    <row r="24" spans="2:11" s="26" customFormat="1" ht="30" customHeight="1" x14ac:dyDescent="0.25">
      <c r="B24" s="93" t="s">
        <v>7</v>
      </c>
      <c r="C24" s="93"/>
      <c r="D24" s="89"/>
      <c r="E24" s="89"/>
      <c r="H24" s="27"/>
    </row>
    <row r="25" spans="2:11" s="26" customFormat="1" ht="15" customHeight="1" x14ac:dyDescent="0.25">
      <c r="B25" s="88" t="s">
        <v>8</v>
      </c>
      <c r="C25" s="88"/>
      <c r="D25" s="89"/>
      <c r="E25" s="89"/>
    </row>
    <row r="26" spans="2:11" s="26" customFormat="1" ht="15" customHeight="1" x14ac:dyDescent="0.25">
      <c r="B26" s="88" t="s">
        <v>9</v>
      </c>
      <c r="C26" s="88"/>
      <c r="D26" s="89"/>
      <c r="E26" s="89"/>
    </row>
    <row r="27" spans="2:11" s="26" customFormat="1" ht="15" customHeight="1" x14ac:dyDescent="0.25">
      <c r="B27" s="88" t="s">
        <v>10</v>
      </c>
      <c r="C27" s="88"/>
      <c r="D27" s="89"/>
      <c r="E27" s="89"/>
    </row>
    <row r="30" spans="2:11" ht="15" customHeight="1" x14ac:dyDescent="0.2">
      <c r="B30" s="2" t="s">
        <v>11</v>
      </c>
      <c r="C30" s="28"/>
      <c r="D30" s="1"/>
      <c r="F30" s="2"/>
      <c r="G30" s="2"/>
      <c r="H30" s="2"/>
    </row>
    <row r="31" spans="2:11" ht="15" customHeight="1" x14ac:dyDescent="0.2">
      <c r="B31" s="2" t="s">
        <v>12</v>
      </c>
      <c r="C31" s="28"/>
      <c r="D31" s="1"/>
      <c r="F31" s="2"/>
      <c r="G31" s="2"/>
      <c r="H31" s="2"/>
    </row>
    <row r="32" spans="2:11" ht="39.950000000000003" customHeight="1" x14ac:dyDescent="0.2">
      <c r="E32" s="118"/>
      <c r="F32" s="118"/>
    </row>
    <row r="33" spans="2:9" ht="45" customHeight="1" x14ac:dyDescent="0.2">
      <c r="E33" s="86" t="s">
        <v>13</v>
      </c>
      <c r="F33" s="86"/>
      <c r="G33" s="29"/>
      <c r="H33" s="29"/>
    </row>
    <row r="34" spans="2:9" s="31" customFormat="1" x14ac:dyDescent="0.2">
      <c r="B34" s="87" t="s">
        <v>14</v>
      </c>
      <c r="C34" s="87"/>
      <c r="D34" s="30"/>
      <c r="E34" s="29"/>
      <c r="F34" s="1"/>
      <c r="G34" s="1"/>
      <c r="H34" s="1"/>
    </row>
    <row r="35" spans="2:9" s="31" customFormat="1" ht="12" customHeight="1" x14ac:dyDescent="0.2">
      <c r="B35" s="32"/>
      <c r="C35" s="33" t="s">
        <v>15</v>
      </c>
      <c r="D35" s="33"/>
      <c r="E35" s="34"/>
      <c r="F35" s="1"/>
      <c r="G35" s="1"/>
      <c r="H35" s="1"/>
      <c r="I35" s="29"/>
    </row>
  </sheetData>
  <mergeCells count="31">
    <mergeCell ref="B1:E1"/>
    <mergeCell ref="B2:E2"/>
    <mergeCell ref="B3:E3"/>
    <mergeCell ref="B5:E5"/>
    <mergeCell ref="B6:C7"/>
    <mergeCell ref="D6:F6"/>
    <mergeCell ref="E7:F7"/>
    <mergeCell ref="B25:C25"/>
    <mergeCell ref="D25:E25"/>
    <mergeCell ref="B8:F8"/>
    <mergeCell ref="B9:F9"/>
    <mergeCell ref="E10:F10"/>
    <mergeCell ref="E12:F12"/>
    <mergeCell ref="E14:F14"/>
    <mergeCell ref="E16:F16"/>
    <mergeCell ref="B34:C34"/>
    <mergeCell ref="B11:F11"/>
    <mergeCell ref="B13:F13"/>
    <mergeCell ref="B15:F15"/>
    <mergeCell ref="B19:F19"/>
    <mergeCell ref="B26:C26"/>
    <mergeCell ref="D26:E26"/>
    <mergeCell ref="B27:C27"/>
    <mergeCell ref="D27:E27"/>
    <mergeCell ref="E32:F32"/>
    <mergeCell ref="E33:F33"/>
    <mergeCell ref="E17:F17"/>
    <mergeCell ref="E20:F20"/>
    <mergeCell ref="B22:E22"/>
    <mergeCell ref="B24:C24"/>
    <mergeCell ref="D24:E24"/>
  </mergeCells>
  <conditionalFormatting sqref="C30:C31">
    <cfRule type="containsBlanks" dxfId="101" priority="3">
      <formula>LEN(TRIM(C30))=0</formula>
    </cfRule>
  </conditionalFormatting>
  <conditionalFormatting sqref="D10 D12 D14 D16:D18 D20">
    <cfRule type="containsBlanks" dxfId="100" priority="1">
      <formula>LEN(TRIM(D10))=0</formula>
    </cfRule>
  </conditionalFormatting>
  <conditionalFormatting sqref="D24:E27">
    <cfRule type="containsBlanks" dxfId="99" priority="2">
      <formula>LEN(TRIM(D2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4EB1D9D-29DA-4025-B481-241574847812}">
  <sheetPr>
    <tabColor rgb="FFD3B5E9"/>
  </sheetPr>
  <dimension ref="B1:L51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289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3.75" customHeight="1" thickBot="1" x14ac:dyDescent="0.3">
      <c r="B8" s="110" t="s">
        <v>290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291</v>
      </c>
      <c r="C9" s="114"/>
      <c r="D9" s="114"/>
      <c r="E9" s="114"/>
      <c r="F9" s="115"/>
    </row>
    <row r="10" spans="2:12" s="9" customFormat="1" ht="44.25" customHeight="1" x14ac:dyDescent="0.25">
      <c r="B10" s="46" t="s">
        <v>18</v>
      </c>
      <c r="C10" s="62" t="s">
        <v>292</v>
      </c>
      <c r="D10" s="56"/>
      <c r="E10" s="133"/>
      <c r="F10" s="134"/>
    </row>
    <row r="11" spans="2:12" s="9" customFormat="1" ht="66.75" customHeight="1" x14ac:dyDescent="0.25">
      <c r="B11" s="36" t="s">
        <v>20</v>
      </c>
      <c r="C11" s="35" t="s">
        <v>293</v>
      </c>
      <c r="D11" s="11"/>
      <c r="E11" s="131"/>
      <c r="F11" s="132"/>
    </row>
    <row r="12" spans="2:12" s="9" customFormat="1" ht="30" customHeight="1" x14ac:dyDescent="0.25">
      <c r="B12" s="36" t="s">
        <v>22</v>
      </c>
      <c r="C12" s="35" t="s">
        <v>294</v>
      </c>
      <c r="D12" s="11"/>
      <c r="E12" s="131"/>
      <c r="F12" s="132"/>
    </row>
    <row r="13" spans="2:12" s="9" customFormat="1" ht="30" customHeight="1" x14ac:dyDescent="0.25">
      <c r="B13" s="36" t="s">
        <v>295</v>
      </c>
      <c r="C13" s="35" t="s">
        <v>296</v>
      </c>
      <c r="D13" s="11"/>
      <c r="E13" s="131"/>
      <c r="F13" s="132"/>
    </row>
    <row r="14" spans="2:12" s="9" customFormat="1" ht="30" customHeight="1" x14ac:dyDescent="0.25">
      <c r="B14" s="36" t="s">
        <v>24</v>
      </c>
      <c r="C14" s="35" t="s">
        <v>297</v>
      </c>
      <c r="D14" s="11"/>
      <c r="E14" s="131"/>
      <c r="F14" s="132"/>
    </row>
    <row r="15" spans="2:12" s="9" customFormat="1" ht="30" customHeight="1" thickBot="1" x14ac:dyDescent="0.3">
      <c r="B15" s="37" t="s">
        <v>298</v>
      </c>
      <c r="C15" s="38" t="s">
        <v>299</v>
      </c>
      <c r="D15" s="16"/>
      <c r="E15" s="129"/>
      <c r="F15" s="130"/>
    </row>
    <row r="16" spans="2:12" s="9" customFormat="1" ht="28.5" customHeight="1" thickBot="1" x14ac:dyDescent="0.3">
      <c r="B16" s="113" t="s">
        <v>300</v>
      </c>
      <c r="C16" s="114"/>
      <c r="D16" s="114"/>
      <c r="E16" s="114"/>
      <c r="F16" s="115"/>
    </row>
    <row r="17" spans="2:6" s="9" customFormat="1" ht="42" customHeight="1" x14ac:dyDescent="0.25">
      <c r="B17" s="46" t="s">
        <v>73</v>
      </c>
      <c r="C17" s="62" t="s">
        <v>292</v>
      </c>
      <c r="D17" s="57"/>
      <c r="E17" s="133"/>
      <c r="F17" s="134"/>
    </row>
    <row r="18" spans="2:6" s="9" customFormat="1" ht="70.5" customHeight="1" x14ac:dyDescent="0.25">
      <c r="B18" s="36" t="s">
        <v>95</v>
      </c>
      <c r="C18" s="63" t="s">
        <v>301</v>
      </c>
      <c r="D18" s="54"/>
      <c r="E18" s="131"/>
      <c r="F18" s="132"/>
    </row>
    <row r="19" spans="2:6" s="9" customFormat="1" ht="34.5" customHeight="1" x14ac:dyDescent="0.25">
      <c r="B19" s="36" t="s">
        <v>306</v>
      </c>
      <c r="C19" s="63" t="s">
        <v>302</v>
      </c>
      <c r="D19" s="54"/>
      <c r="E19" s="131"/>
      <c r="F19" s="132"/>
    </row>
    <row r="20" spans="2:6" s="9" customFormat="1" ht="34.5" customHeight="1" x14ac:dyDescent="0.25">
      <c r="B20" s="36" t="s">
        <v>307</v>
      </c>
      <c r="C20" s="63" t="s">
        <v>303</v>
      </c>
      <c r="D20" s="54"/>
      <c r="E20" s="131"/>
      <c r="F20" s="132"/>
    </row>
    <row r="21" spans="2:6" s="9" customFormat="1" ht="34.5" customHeight="1" x14ac:dyDescent="0.25">
      <c r="B21" s="36" t="s">
        <v>308</v>
      </c>
      <c r="C21" s="63" t="s">
        <v>304</v>
      </c>
      <c r="D21" s="54"/>
      <c r="E21" s="131"/>
      <c r="F21" s="132"/>
    </row>
    <row r="22" spans="2:6" s="9" customFormat="1" ht="34.5" customHeight="1" thickBot="1" x14ac:dyDescent="0.3">
      <c r="B22" s="37" t="s">
        <v>309</v>
      </c>
      <c r="C22" s="64" t="s">
        <v>305</v>
      </c>
      <c r="D22" s="54"/>
      <c r="E22" s="129"/>
      <c r="F22" s="130"/>
    </row>
    <row r="23" spans="2:6" s="9" customFormat="1" ht="28.5" customHeight="1" thickBot="1" x14ac:dyDescent="0.3">
      <c r="B23" s="113" t="s">
        <v>310</v>
      </c>
      <c r="C23" s="114"/>
      <c r="D23" s="114"/>
      <c r="E23" s="114"/>
      <c r="F23" s="115"/>
    </row>
    <row r="24" spans="2:6" s="9" customFormat="1" ht="45" customHeight="1" x14ac:dyDescent="0.25">
      <c r="B24" s="46" t="s">
        <v>75</v>
      </c>
      <c r="C24" s="62" t="s">
        <v>311</v>
      </c>
      <c r="D24" s="57"/>
      <c r="E24" s="90"/>
      <c r="F24" s="91"/>
    </row>
    <row r="25" spans="2:6" s="9" customFormat="1" ht="30" customHeight="1" x14ac:dyDescent="0.25">
      <c r="B25" s="36" t="s">
        <v>312</v>
      </c>
      <c r="C25" s="63" t="s">
        <v>313</v>
      </c>
      <c r="D25" s="54"/>
      <c r="E25" s="21"/>
      <c r="F25" s="40"/>
    </row>
    <row r="26" spans="2:6" s="9" customFormat="1" ht="30" customHeight="1" x14ac:dyDescent="0.25">
      <c r="B26" s="36" t="s">
        <v>314</v>
      </c>
      <c r="C26" s="63" t="s">
        <v>315</v>
      </c>
      <c r="D26" s="54"/>
      <c r="E26" s="21"/>
      <c r="F26" s="40"/>
    </row>
    <row r="27" spans="2:6" s="9" customFormat="1" ht="30" customHeight="1" x14ac:dyDescent="0.25">
      <c r="B27" s="36" t="s">
        <v>316</v>
      </c>
      <c r="C27" s="63" t="s">
        <v>317</v>
      </c>
      <c r="D27" s="54"/>
      <c r="E27" s="21"/>
      <c r="F27" s="40"/>
    </row>
    <row r="28" spans="2:6" s="9" customFormat="1" ht="30" customHeight="1" x14ac:dyDescent="0.25">
      <c r="B28" s="36" t="s">
        <v>318</v>
      </c>
      <c r="C28" s="63" t="s">
        <v>319</v>
      </c>
      <c r="D28" s="54"/>
      <c r="E28" s="21"/>
      <c r="F28" s="40"/>
    </row>
    <row r="29" spans="2:6" s="9" customFormat="1" ht="30" customHeight="1" thickBot="1" x14ac:dyDescent="0.3">
      <c r="B29" s="37" t="s">
        <v>320</v>
      </c>
      <c r="C29" s="64" t="s">
        <v>321</v>
      </c>
      <c r="D29" s="54"/>
      <c r="E29" s="21"/>
      <c r="F29" s="40"/>
    </row>
    <row r="30" spans="2:6" s="9" customFormat="1" ht="28.5" customHeight="1" thickBot="1" x14ac:dyDescent="0.3">
      <c r="B30" s="113" t="s">
        <v>322</v>
      </c>
      <c r="C30" s="114"/>
      <c r="D30" s="114"/>
      <c r="E30" s="114"/>
      <c r="F30" s="115"/>
    </row>
    <row r="31" spans="2:6" s="9" customFormat="1" ht="30" customHeight="1" thickBot="1" x14ac:dyDescent="0.3">
      <c r="B31" s="36" t="s">
        <v>77</v>
      </c>
      <c r="C31" s="35" t="s">
        <v>323</v>
      </c>
      <c r="D31" s="57"/>
      <c r="E31" s="90"/>
      <c r="F31" s="91"/>
    </row>
    <row r="32" spans="2:6" s="9" customFormat="1" ht="28.5" customHeight="1" thickBot="1" x14ac:dyDescent="0.3">
      <c r="B32" s="113" t="s">
        <v>324</v>
      </c>
      <c r="C32" s="114"/>
      <c r="D32" s="114"/>
      <c r="E32" s="114"/>
      <c r="F32" s="115"/>
    </row>
    <row r="33" spans="2:11" s="9" customFormat="1" ht="48" customHeight="1" x14ac:dyDescent="0.25">
      <c r="B33" s="46" t="s">
        <v>79</v>
      </c>
      <c r="C33" s="62" t="s">
        <v>325</v>
      </c>
      <c r="D33" s="56"/>
      <c r="E33" s="133"/>
      <c r="F33" s="134"/>
    </row>
    <row r="34" spans="2:11" s="9" customFormat="1" ht="58.5" customHeight="1" x14ac:dyDescent="0.25">
      <c r="B34" s="36" t="s">
        <v>326</v>
      </c>
      <c r="C34" s="35" t="s">
        <v>327</v>
      </c>
      <c r="D34" s="11"/>
      <c r="E34" s="131"/>
      <c r="F34" s="132"/>
    </row>
    <row r="35" spans="2:11" s="9" customFormat="1" ht="35.25" customHeight="1" x14ac:dyDescent="0.25">
      <c r="B35" s="36" t="s">
        <v>328</v>
      </c>
      <c r="C35" s="35" t="s">
        <v>329</v>
      </c>
      <c r="D35" s="11"/>
      <c r="E35" s="131"/>
      <c r="F35" s="132"/>
    </row>
    <row r="36" spans="2:11" s="9" customFormat="1" ht="45.75" customHeight="1" thickBot="1" x14ac:dyDescent="0.3">
      <c r="B36" s="37" t="s">
        <v>330</v>
      </c>
      <c r="C36" s="38" t="s">
        <v>331</v>
      </c>
      <c r="D36" s="16"/>
      <c r="E36" s="129"/>
      <c r="F36" s="130"/>
    </row>
    <row r="37" spans="2:11" s="9" customFormat="1" ht="12" customHeight="1" x14ac:dyDescent="0.25">
      <c r="B37" s="19"/>
      <c r="C37" s="20"/>
      <c r="D37" s="21"/>
      <c r="E37" s="22"/>
    </row>
    <row r="38" spans="2:11" s="24" customFormat="1" ht="20.100000000000001" customHeight="1" x14ac:dyDescent="0.25">
      <c r="B38" s="92" t="s">
        <v>6</v>
      </c>
      <c r="C38" s="92"/>
      <c r="D38" s="92"/>
      <c r="E38" s="92"/>
      <c r="F38" s="23"/>
      <c r="G38" s="23"/>
      <c r="H38" s="23"/>
      <c r="I38" s="23"/>
      <c r="J38" s="23"/>
      <c r="K38" s="23"/>
    </row>
    <row r="39" spans="2:11" s="24" customFormat="1" ht="20.100000000000001" customHeight="1" x14ac:dyDescent="0.25">
      <c r="B39" s="25"/>
      <c r="C39" s="25"/>
      <c r="D39" s="25"/>
      <c r="E39" s="25"/>
      <c r="F39" s="23"/>
      <c r="G39" s="23"/>
      <c r="H39" s="23"/>
      <c r="I39" s="23"/>
      <c r="J39" s="23"/>
      <c r="K39" s="23"/>
    </row>
    <row r="40" spans="2:11" s="26" customFormat="1" ht="30" customHeight="1" x14ac:dyDescent="0.25">
      <c r="B40" s="93" t="s">
        <v>7</v>
      </c>
      <c r="C40" s="93"/>
      <c r="D40" s="89"/>
      <c r="E40" s="89"/>
      <c r="H40" s="27"/>
    </row>
    <row r="41" spans="2:11" s="26" customFormat="1" ht="15" customHeight="1" x14ac:dyDescent="0.25">
      <c r="B41" s="88" t="s">
        <v>8</v>
      </c>
      <c r="C41" s="88"/>
      <c r="D41" s="89"/>
      <c r="E41" s="89"/>
    </row>
    <row r="42" spans="2:11" s="26" customFormat="1" ht="15" customHeight="1" x14ac:dyDescent="0.25">
      <c r="B42" s="88" t="s">
        <v>9</v>
      </c>
      <c r="C42" s="88"/>
      <c r="D42" s="89"/>
      <c r="E42" s="89"/>
    </row>
    <row r="43" spans="2:11" s="26" customFormat="1" ht="15" customHeight="1" x14ac:dyDescent="0.25">
      <c r="B43" s="88" t="s">
        <v>10</v>
      </c>
      <c r="C43" s="88"/>
      <c r="D43" s="89"/>
      <c r="E43" s="89"/>
    </row>
    <row r="46" spans="2:11" ht="15" customHeight="1" x14ac:dyDescent="0.2">
      <c r="B46" s="2" t="s">
        <v>11</v>
      </c>
      <c r="C46" s="28"/>
      <c r="D46" s="1"/>
      <c r="F46" s="2"/>
      <c r="G46" s="2"/>
      <c r="H46" s="2"/>
    </row>
    <row r="47" spans="2:11" ht="15" customHeight="1" x14ac:dyDescent="0.2">
      <c r="B47" s="2" t="s">
        <v>12</v>
      </c>
      <c r="C47" s="28"/>
      <c r="D47" s="1"/>
      <c r="F47" s="2"/>
      <c r="G47" s="2"/>
      <c r="H47" s="2"/>
    </row>
    <row r="48" spans="2:11" ht="39.950000000000003" customHeight="1" x14ac:dyDescent="0.2">
      <c r="E48" s="118"/>
      <c r="F48" s="118"/>
    </row>
    <row r="49" spans="2:9" ht="45" customHeight="1" x14ac:dyDescent="0.2">
      <c r="E49" s="86" t="s">
        <v>13</v>
      </c>
      <c r="F49" s="86"/>
      <c r="G49" s="29"/>
      <c r="H49" s="29"/>
    </row>
    <row r="50" spans="2:9" s="31" customFormat="1" x14ac:dyDescent="0.2">
      <c r="B50" s="87" t="s">
        <v>14</v>
      </c>
      <c r="C50" s="87"/>
      <c r="D50" s="30"/>
      <c r="E50" s="29"/>
      <c r="F50" s="1"/>
      <c r="G50" s="1"/>
      <c r="H50" s="1"/>
    </row>
    <row r="51" spans="2:9" s="31" customFormat="1" ht="12" customHeight="1" x14ac:dyDescent="0.2">
      <c r="B51" s="32"/>
      <c r="C51" s="33" t="s">
        <v>15</v>
      </c>
      <c r="D51" s="33"/>
      <c r="E51" s="34"/>
      <c r="F51" s="1"/>
      <c r="G51" s="1"/>
      <c r="H51" s="1"/>
      <c r="I51" s="29"/>
    </row>
  </sheetData>
  <mergeCells count="43">
    <mergeCell ref="E18:F18"/>
    <mergeCell ref="E19:F19"/>
    <mergeCell ref="E20:F20"/>
    <mergeCell ref="E21:F21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6:F16"/>
    <mergeCell ref="E17:F17"/>
    <mergeCell ref="E48:F48"/>
    <mergeCell ref="E49:F49"/>
    <mergeCell ref="B50:C50"/>
    <mergeCell ref="E11:F11"/>
    <mergeCell ref="E12:F12"/>
    <mergeCell ref="E13:F13"/>
    <mergeCell ref="E14:F14"/>
    <mergeCell ref="E15:F15"/>
    <mergeCell ref="B38:E38"/>
    <mergeCell ref="B40:C40"/>
    <mergeCell ref="D40:E40"/>
    <mergeCell ref="B41:C41"/>
    <mergeCell ref="D41:E41"/>
    <mergeCell ref="B42:C42"/>
    <mergeCell ref="D42:E42"/>
    <mergeCell ref="E24:F24"/>
    <mergeCell ref="E22:F22"/>
    <mergeCell ref="E34:F34"/>
    <mergeCell ref="E35:F35"/>
    <mergeCell ref="E36:F36"/>
    <mergeCell ref="B43:C43"/>
    <mergeCell ref="D43:E43"/>
    <mergeCell ref="B30:F30"/>
    <mergeCell ref="E31:F31"/>
    <mergeCell ref="B32:F32"/>
    <mergeCell ref="E33:F33"/>
    <mergeCell ref="B23:F23"/>
  </mergeCells>
  <conditionalFormatting sqref="C46:C47">
    <cfRule type="containsBlanks" dxfId="98" priority="3">
      <formula>LEN(TRIM(C46))=0</formula>
    </cfRule>
  </conditionalFormatting>
  <conditionalFormatting sqref="D10:D15 D17:D22 D24:D29 D31 D33:D36">
    <cfRule type="containsBlanks" dxfId="97" priority="1">
      <formula>LEN(TRIM(D10))=0</formula>
    </cfRule>
  </conditionalFormatting>
  <conditionalFormatting sqref="D40:E43">
    <cfRule type="containsBlanks" dxfId="96" priority="2">
      <formula>LEN(TRIM(D40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  <rowBreaks count="1" manualBreakCount="1">
    <brk id="31" min="1" max="5" man="1"/>
  </rowBreaks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F5D00D0-9577-40FE-BD19-30DF094A15EF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332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41.25" customHeight="1" thickBot="1" x14ac:dyDescent="0.3">
      <c r="B8" s="110" t="s">
        <v>333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334</v>
      </c>
      <c r="C9" s="114"/>
      <c r="D9" s="114"/>
      <c r="E9" s="114"/>
      <c r="F9" s="115"/>
    </row>
    <row r="10" spans="2:12" s="9" customFormat="1" ht="120" customHeight="1" thickBot="1" x14ac:dyDescent="0.3">
      <c r="B10" s="36" t="s">
        <v>18</v>
      </c>
      <c r="C10" s="35" t="s">
        <v>336</v>
      </c>
      <c r="D10" s="10"/>
      <c r="E10" s="116"/>
      <c r="F10" s="117"/>
    </row>
    <row r="11" spans="2:12" s="9" customFormat="1" ht="30" customHeight="1" thickBot="1" x14ac:dyDescent="0.3">
      <c r="B11" s="113" t="s">
        <v>335</v>
      </c>
      <c r="C11" s="114" t="s">
        <v>21</v>
      </c>
      <c r="D11" s="114"/>
      <c r="E11" s="114"/>
      <c r="F11" s="115"/>
    </row>
    <row r="12" spans="2:12" s="9" customFormat="1" ht="90.75" customHeight="1" thickBot="1" x14ac:dyDescent="0.3">
      <c r="B12" s="37" t="s">
        <v>73</v>
      </c>
      <c r="C12" s="45" t="s">
        <v>337</v>
      </c>
      <c r="D12" s="44"/>
      <c r="E12" s="119"/>
      <c r="F12" s="120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92" t="s">
        <v>6</v>
      </c>
      <c r="C14" s="92"/>
      <c r="D14" s="92"/>
      <c r="E14" s="92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93" t="s">
        <v>7</v>
      </c>
      <c r="C16" s="93"/>
      <c r="D16" s="89"/>
      <c r="E16" s="89"/>
      <c r="H16" s="27"/>
    </row>
    <row r="17" spans="2:9" s="26" customFormat="1" ht="15" customHeight="1" x14ac:dyDescent="0.25">
      <c r="B17" s="88" t="s">
        <v>8</v>
      </c>
      <c r="C17" s="88"/>
      <c r="D17" s="89"/>
      <c r="E17" s="89"/>
    </row>
    <row r="18" spans="2:9" s="26" customFormat="1" ht="15" customHeight="1" x14ac:dyDescent="0.25">
      <c r="B18" s="88" t="s">
        <v>9</v>
      </c>
      <c r="C18" s="88"/>
      <c r="D18" s="89"/>
      <c r="E18" s="89"/>
    </row>
    <row r="19" spans="2:9" s="26" customFormat="1" ht="15" customHeight="1" x14ac:dyDescent="0.25">
      <c r="B19" s="88" t="s">
        <v>10</v>
      </c>
      <c r="C19" s="88"/>
      <c r="D19" s="89"/>
      <c r="E19" s="89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8"/>
      <c r="F24" s="118"/>
    </row>
    <row r="25" spans="2:9" ht="45" customHeight="1" x14ac:dyDescent="0.2">
      <c r="E25" s="86" t="s">
        <v>13</v>
      </c>
      <c r="F25" s="86"/>
      <c r="G25" s="29"/>
      <c r="H25" s="29"/>
    </row>
    <row r="26" spans="2:9" s="31" customFormat="1" x14ac:dyDescent="0.2">
      <c r="B26" s="87" t="s">
        <v>14</v>
      </c>
      <c r="C26" s="8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4:E14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  <mergeCell ref="B16:C16"/>
    <mergeCell ref="D16:E16"/>
    <mergeCell ref="B17:C17"/>
    <mergeCell ref="D17:E17"/>
    <mergeCell ref="B18:C18"/>
    <mergeCell ref="D18:E18"/>
    <mergeCell ref="B19:C19"/>
    <mergeCell ref="D19:E19"/>
    <mergeCell ref="E24:F24"/>
    <mergeCell ref="E25:F25"/>
    <mergeCell ref="B26:C26"/>
  </mergeCells>
  <conditionalFormatting sqref="D10">
    <cfRule type="containsBlanks" dxfId="95" priority="1">
      <formula>LEN(TRIM(D10))=0</formula>
    </cfRule>
  </conditionalFormatting>
  <conditionalFormatting sqref="D12 C22:C23">
    <cfRule type="containsBlanks" dxfId="94" priority="3">
      <formula>LEN(TRIM(C12))=0</formula>
    </cfRule>
  </conditionalFormatting>
  <conditionalFormatting sqref="D16:E19">
    <cfRule type="containsBlanks" dxfId="93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5DD42CF-6225-4E9F-BBEF-185F87894FC8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343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41.25" customHeight="1" thickBot="1" x14ac:dyDescent="0.3">
      <c r="B8" s="110" t="s">
        <v>338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342</v>
      </c>
      <c r="C9" s="114"/>
      <c r="D9" s="114"/>
      <c r="E9" s="114"/>
      <c r="F9" s="115"/>
    </row>
    <row r="10" spans="2:12" s="9" customFormat="1" ht="93" customHeight="1" thickBot="1" x14ac:dyDescent="0.3">
      <c r="B10" s="36" t="s">
        <v>18</v>
      </c>
      <c r="C10" s="41" t="s">
        <v>339</v>
      </c>
      <c r="D10" s="10"/>
      <c r="E10" s="116"/>
      <c r="F10" s="117"/>
    </row>
    <row r="11" spans="2:12" s="9" customFormat="1" ht="30" customHeight="1" thickBot="1" x14ac:dyDescent="0.3">
      <c r="B11" s="113" t="s">
        <v>341</v>
      </c>
      <c r="C11" s="114" t="s">
        <v>21</v>
      </c>
      <c r="D11" s="114"/>
      <c r="E11" s="114"/>
      <c r="F11" s="115"/>
    </row>
    <row r="12" spans="2:12" s="9" customFormat="1" ht="105.75" customHeight="1" thickBot="1" x14ac:dyDescent="0.3">
      <c r="B12" s="37" t="s">
        <v>73</v>
      </c>
      <c r="C12" s="45" t="s">
        <v>340</v>
      </c>
      <c r="D12" s="44"/>
      <c r="E12" s="119"/>
      <c r="F12" s="120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92" t="s">
        <v>6</v>
      </c>
      <c r="C14" s="92"/>
      <c r="D14" s="92"/>
      <c r="E14" s="92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93" t="s">
        <v>7</v>
      </c>
      <c r="C16" s="93"/>
      <c r="D16" s="89"/>
      <c r="E16" s="89"/>
      <c r="H16" s="27"/>
    </row>
    <row r="17" spans="2:9" s="26" customFormat="1" ht="15" customHeight="1" x14ac:dyDescent="0.25">
      <c r="B17" s="88" t="s">
        <v>8</v>
      </c>
      <c r="C17" s="88"/>
      <c r="D17" s="89"/>
      <c r="E17" s="89"/>
    </row>
    <row r="18" spans="2:9" s="26" customFormat="1" ht="15" customHeight="1" x14ac:dyDescent="0.25">
      <c r="B18" s="88" t="s">
        <v>9</v>
      </c>
      <c r="C18" s="88"/>
      <c r="D18" s="89"/>
      <c r="E18" s="89"/>
    </row>
    <row r="19" spans="2:9" s="26" customFormat="1" ht="15" customHeight="1" x14ac:dyDescent="0.25">
      <c r="B19" s="88" t="s">
        <v>10</v>
      </c>
      <c r="C19" s="88"/>
      <c r="D19" s="89"/>
      <c r="E19" s="89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8"/>
      <c r="F24" s="118"/>
    </row>
    <row r="25" spans="2:9" ht="45" customHeight="1" x14ac:dyDescent="0.2">
      <c r="E25" s="86" t="s">
        <v>13</v>
      </c>
      <c r="F25" s="86"/>
      <c r="G25" s="29"/>
      <c r="H25" s="29"/>
    </row>
    <row r="26" spans="2:9" s="31" customFormat="1" x14ac:dyDescent="0.2">
      <c r="B26" s="87" t="s">
        <v>14</v>
      </c>
      <c r="C26" s="8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4:E14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  <mergeCell ref="B16:C16"/>
    <mergeCell ref="D16:E16"/>
    <mergeCell ref="B17:C17"/>
    <mergeCell ref="D17:E17"/>
    <mergeCell ref="B18:C18"/>
    <mergeCell ref="D18:E18"/>
    <mergeCell ref="B19:C19"/>
    <mergeCell ref="D19:E19"/>
    <mergeCell ref="E24:F24"/>
    <mergeCell ref="E25:F25"/>
    <mergeCell ref="B26:C26"/>
  </mergeCells>
  <conditionalFormatting sqref="D10">
    <cfRule type="containsBlanks" dxfId="92" priority="1">
      <formula>LEN(TRIM(D10))=0</formula>
    </cfRule>
  </conditionalFormatting>
  <conditionalFormatting sqref="D12 C22:C23">
    <cfRule type="containsBlanks" dxfId="91" priority="3">
      <formula>LEN(TRIM(C12))=0</formula>
    </cfRule>
  </conditionalFormatting>
  <conditionalFormatting sqref="D16:E19">
    <cfRule type="containsBlanks" dxfId="90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99A52B1-880E-4CC3-9638-77EE20F73714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344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41.25" customHeight="1" thickBot="1" x14ac:dyDescent="0.3">
      <c r="B8" s="110" t="s">
        <v>345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346</v>
      </c>
      <c r="C9" s="114"/>
      <c r="D9" s="114"/>
      <c r="E9" s="114"/>
      <c r="F9" s="115"/>
    </row>
    <row r="10" spans="2:12" s="9" customFormat="1" ht="102.75" thickBot="1" x14ac:dyDescent="0.3">
      <c r="B10" s="36" t="s">
        <v>18</v>
      </c>
      <c r="C10" s="41" t="s">
        <v>347</v>
      </c>
      <c r="D10" s="10"/>
      <c r="E10" s="116"/>
      <c r="F10" s="117"/>
    </row>
    <row r="11" spans="2:12" s="9" customFormat="1" ht="30" customHeight="1" thickBot="1" x14ac:dyDescent="0.3">
      <c r="B11" s="113" t="s">
        <v>348</v>
      </c>
      <c r="C11" s="114" t="s">
        <v>21</v>
      </c>
      <c r="D11" s="114"/>
      <c r="E11" s="114"/>
      <c r="F11" s="115"/>
    </row>
    <row r="12" spans="2:12" s="9" customFormat="1" ht="78" customHeight="1" thickBot="1" x14ac:dyDescent="0.3">
      <c r="B12" s="37" t="s">
        <v>73</v>
      </c>
      <c r="C12" s="45" t="s">
        <v>349</v>
      </c>
      <c r="D12" s="44"/>
      <c r="E12" s="119"/>
      <c r="F12" s="120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92" t="s">
        <v>6</v>
      </c>
      <c r="C14" s="92"/>
      <c r="D14" s="92"/>
      <c r="E14" s="92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93" t="s">
        <v>7</v>
      </c>
      <c r="C16" s="93"/>
      <c r="D16" s="89"/>
      <c r="E16" s="89"/>
      <c r="H16" s="27"/>
    </row>
    <row r="17" spans="2:9" s="26" customFormat="1" ht="15" customHeight="1" x14ac:dyDescent="0.25">
      <c r="B17" s="88" t="s">
        <v>8</v>
      </c>
      <c r="C17" s="88"/>
      <c r="D17" s="89"/>
      <c r="E17" s="89"/>
    </row>
    <row r="18" spans="2:9" s="26" customFormat="1" ht="15" customHeight="1" x14ac:dyDescent="0.25">
      <c r="B18" s="88" t="s">
        <v>9</v>
      </c>
      <c r="C18" s="88"/>
      <c r="D18" s="89"/>
      <c r="E18" s="89"/>
    </row>
    <row r="19" spans="2:9" s="26" customFormat="1" ht="15" customHeight="1" x14ac:dyDescent="0.25">
      <c r="B19" s="88" t="s">
        <v>10</v>
      </c>
      <c r="C19" s="88"/>
      <c r="D19" s="89"/>
      <c r="E19" s="89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8"/>
      <c r="F24" s="118"/>
    </row>
    <row r="25" spans="2:9" ht="45" customHeight="1" x14ac:dyDescent="0.2">
      <c r="E25" s="86" t="s">
        <v>13</v>
      </c>
      <c r="F25" s="86"/>
      <c r="G25" s="29"/>
      <c r="H25" s="29"/>
    </row>
    <row r="26" spans="2:9" s="31" customFormat="1" x14ac:dyDescent="0.2">
      <c r="B26" s="87" t="s">
        <v>14</v>
      </c>
      <c r="C26" s="8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4:E14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  <mergeCell ref="B16:C16"/>
    <mergeCell ref="D16:E16"/>
    <mergeCell ref="B17:C17"/>
    <mergeCell ref="D17:E17"/>
    <mergeCell ref="B18:C18"/>
    <mergeCell ref="D18:E18"/>
    <mergeCell ref="B19:C19"/>
    <mergeCell ref="D19:E19"/>
    <mergeCell ref="E24:F24"/>
    <mergeCell ref="E25:F25"/>
    <mergeCell ref="B26:C26"/>
  </mergeCells>
  <conditionalFormatting sqref="D10">
    <cfRule type="containsBlanks" dxfId="89" priority="1">
      <formula>LEN(TRIM(D10))=0</formula>
    </cfRule>
  </conditionalFormatting>
  <conditionalFormatting sqref="D12 C22:C23">
    <cfRule type="containsBlanks" dxfId="88" priority="3">
      <formula>LEN(TRIM(C12))=0</formula>
    </cfRule>
  </conditionalFormatting>
  <conditionalFormatting sqref="D16:E19">
    <cfRule type="containsBlanks" dxfId="87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929D1B3-071A-4710-BB67-ED5600BAE0FD}">
  <sheetPr>
    <tabColor rgb="FFD3B5E9"/>
  </sheetPr>
  <dimension ref="B1:L28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350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60" customHeight="1" thickBot="1" x14ac:dyDescent="0.3">
      <c r="B8" s="110" t="s">
        <v>351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352</v>
      </c>
      <c r="C9" s="114"/>
      <c r="D9" s="114"/>
      <c r="E9" s="114"/>
      <c r="F9" s="115"/>
    </row>
    <row r="10" spans="2:12" s="9" customFormat="1" ht="33" customHeight="1" x14ac:dyDescent="0.25">
      <c r="B10" s="36" t="s">
        <v>18</v>
      </c>
      <c r="C10" s="41" t="s">
        <v>353</v>
      </c>
      <c r="D10" s="10"/>
      <c r="E10" s="123"/>
      <c r="F10" s="124"/>
    </row>
    <row r="11" spans="2:12" s="9" customFormat="1" ht="72.75" customHeight="1" thickBot="1" x14ac:dyDescent="0.3">
      <c r="B11" s="36" t="s">
        <v>20</v>
      </c>
      <c r="C11" s="41" t="s">
        <v>354</v>
      </c>
      <c r="D11" s="10"/>
      <c r="E11" s="119"/>
      <c r="F11" s="120"/>
    </row>
    <row r="12" spans="2:12" s="9" customFormat="1" ht="30" customHeight="1" thickBot="1" x14ac:dyDescent="0.3">
      <c r="B12" s="113" t="s">
        <v>355</v>
      </c>
      <c r="C12" s="114" t="s">
        <v>21</v>
      </c>
      <c r="D12" s="114"/>
      <c r="E12" s="114"/>
      <c r="F12" s="115"/>
    </row>
    <row r="13" spans="2:12" s="9" customFormat="1" ht="32.25" customHeight="1" thickBot="1" x14ac:dyDescent="0.3">
      <c r="B13" s="37" t="s">
        <v>73</v>
      </c>
      <c r="C13" s="43" t="s">
        <v>356</v>
      </c>
      <c r="D13" s="44"/>
      <c r="E13" s="119"/>
      <c r="F13" s="120"/>
    </row>
    <row r="14" spans="2:12" s="9" customFormat="1" ht="12" customHeight="1" x14ac:dyDescent="0.25">
      <c r="B14" s="19"/>
      <c r="C14" s="20"/>
      <c r="D14" s="21"/>
      <c r="E14" s="22"/>
    </row>
    <row r="15" spans="2:12" s="24" customFormat="1" ht="20.100000000000001" customHeight="1" x14ac:dyDescent="0.25">
      <c r="B15" s="92" t="s">
        <v>6</v>
      </c>
      <c r="C15" s="92"/>
      <c r="D15" s="92"/>
      <c r="E15" s="92"/>
      <c r="F15" s="23"/>
      <c r="G15" s="23"/>
      <c r="H15" s="23"/>
      <c r="I15" s="23"/>
      <c r="J15" s="23"/>
      <c r="K15" s="23"/>
    </row>
    <row r="16" spans="2:12" s="24" customFormat="1" ht="20.100000000000001" customHeight="1" x14ac:dyDescent="0.25">
      <c r="B16" s="25"/>
      <c r="C16" s="25"/>
      <c r="D16" s="25"/>
      <c r="E16" s="25"/>
      <c r="F16" s="23"/>
      <c r="G16" s="23"/>
      <c r="H16" s="23"/>
      <c r="I16" s="23"/>
      <c r="J16" s="23"/>
      <c r="K16" s="23"/>
    </row>
    <row r="17" spans="2:9" s="26" customFormat="1" ht="30" customHeight="1" x14ac:dyDescent="0.25">
      <c r="B17" s="93" t="s">
        <v>7</v>
      </c>
      <c r="C17" s="93"/>
      <c r="D17" s="89"/>
      <c r="E17" s="89"/>
      <c r="H17" s="27"/>
    </row>
    <row r="18" spans="2:9" s="26" customFormat="1" ht="15" customHeight="1" x14ac:dyDescent="0.25">
      <c r="B18" s="88" t="s">
        <v>8</v>
      </c>
      <c r="C18" s="88"/>
      <c r="D18" s="89"/>
      <c r="E18" s="89"/>
    </row>
    <row r="19" spans="2:9" s="26" customFormat="1" ht="15" customHeight="1" x14ac:dyDescent="0.25">
      <c r="B19" s="88" t="s">
        <v>9</v>
      </c>
      <c r="C19" s="88"/>
      <c r="D19" s="89"/>
      <c r="E19" s="89"/>
    </row>
    <row r="20" spans="2:9" s="26" customFormat="1" ht="15" customHeight="1" x14ac:dyDescent="0.25">
      <c r="B20" s="88" t="s">
        <v>10</v>
      </c>
      <c r="C20" s="88"/>
      <c r="D20" s="89"/>
      <c r="E20" s="89"/>
    </row>
    <row r="23" spans="2:9" ht="15" customHeight="1" x14ac:dyDescent="0.2">
      <c r="B23" s="2" t="s">
        <v>11</v>
      </c>
      <c r="C23" s="28"/>
      <c r="D23" s="1"/>
      <c r="F23" s="2"/>
      <c r="G23" s="2"/>
      <c r="H23" s="2"/>
    </row>
    <row r="24" spans="2:9" ht="15" customHeight="1" x14ac:dyDescent="0.2">
      <c r="B24" s="2" t="s">
        <v>12</v>
      </c>
      <c r="C24" s="28"/>
      <c r="D24" s="1"/>
      <c r="F24" s="2"/>
      <c r="G24" s="2"/>
      <c r="H24" s="2"/>
    </row>
    <row r="25" spans="2:9" ht="39.950000000000003" customHeight="1" x14ac:dyDescent="0.2">
      <c r="E25" s="118"/>
      <c r="F25" s="118"/>
    </row>
    <row r="26" spans="2:9" ht="45" customHeight="1" x14ac:dyDescent="0.2">
      <c r="E26" s="86" t="s">
        <v>13</v>
      </c>
      <c r="F26" s="86"/>
      <c r="G26" s="29"/>
      <c r="H26" s="29"/>
    </row>
    <row r="27" spans="2:9" s="31" customFormat="1" x14ac:dyDescent="0.2">
      <c r="B27" s="87" t="s">
        <v>14</v>
      </c>
      <c r="C27" s="87"/>
      <c r="D27" s="30"/>
      <c r="E27" s="29"/>
      <c r="F27" s="1"/>
      <c r="G27" s="1"/>
      <c r="H27" s="1"/>
    </row>
    <row r="28" spans="2:9" s="31" customFormat="1" ht="12" customHeight="1" x14ac:dyDescent="0.2">
      <c r="B28" s="32"/>
      <c r="C28" s="33" t="s">
        <v>15</v>
      </c>
      <c r="D28" s="33"/>
      <c r="E28" s="34"/>
      <c r="F28" s="1"/>
      <c r="G28" s="1"/>
      <c r="H28" s="1"/>
      <c r="I28" s="29"/>
    </row>
  </sheetData>
  <mergeCells count="25">
    <mergeCell ref="B1:E1"/>
    <mergeCell ref="B2:E2"/>
    <mergeCell ref="B3:E3"/>
    <mergeCell ref="B5:E5"/>
    <mergeCell ref="B6:C7"/>
    <mergeCell ref="D6:F6"/>
    <mergeCell ref="E7:F7"/>
    <mergeCell ref="B19:C19"/>
    <mergeCell ref="D19:E19"/>
    <mergeCell ref="B8:F8"/>
    <mergeCell ref="B9:F9"/>
    <mergeCell ref="E10:F10"/>
    <mergeCell ref="B12:F12"/>
    <mergeCell ref="E13:F13"/>
    <mergeCell ref="B15:E15"/>
    <mergeCell ref="E11:F11"/>
    <mergeCell ref="B17:C17"/>
    <mergeCell ref="D17:E17"/>
    <mergeCell ref="B18:C18"/>
    <mergeCell ref="D18:E18"/>
    <mergeCell ref="B20:C20"/>
    <mergeCell ref="D20:E20"/>
    <mergeCell ref="E25:F25"/>
    <mergeCell ref="E26:F26"/>
    <mergeCell ref="B27:C27"/>
  </mergeCells>
  <conditionalFormatting sqref="D10:D11">
    <cfRule type="containsBlanks" dxfId="86" priority="1">
      <formula>LEN(TRIM(D10))=0</formula>
    </cfRule>
  </conditionalFormatting>
  <conditionalFormatting sqref="D13 C23:C24">
    <cfRule type="containsBlanks" dxfId="85" priority="3">
      <formula>LEN(TRIM(C13))=0</formula>
    </cfRule>
  </conditionalFormatting>
  <conditionalFormatting sqref="D17:E20">
    <cfRule type="containsBlanks" dxfId="84" priority="2">
      <formula>LEN(TRIM(D17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C3601A-F8D0-4407-AD48-905642CDA82D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357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60" customHeight="1" thickBot="1" x14ac:dyDescent="0.3">
      <c r="B8" s="110" t="s">
        <v>358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359</v>
      </c>
      <c r="C9" s="114"/>
      <c r="D9" s="114"/>
      <c r="E9" s="114"/>
      <c r="F9" s="115"/>
    </row>
    <row r="10" spans="2:12" s="9" customFormat="1" ht="102.75" thickBot="1" x14ac:dyDescent="0.3">
      <c r="B10" s="36" t="s">
        <v>18</v>
      </c>
      <c r="C10" s="35" t="s">
        <v>360</v>
      </c>
      <c r="D10" s="10"/>
      <c r="E10" s="123"/>
      <c r="F10" s="124"/>
    </row>
    <row r="11" spans="2:12" s="9" customFormat="1" ht="30" customHeight="1" thickBot="1" x14ac:dyDescent="0.3">
      <c r="B11" s="113" t="s">
        <v>361</v>
      </c>
      <c r="C11" s="114" t="s">
        <v>21</v>
      </c>
      <c r="D11" s="114"/>
      <c r="E11" s="114"/>
      <c r="F11" s="115"/>
    </row>
    <row r="12" spans="2:12" s="9" customFormat="1" ht="90" thickBot="1" x14ac:dyDescent="0.3">
      <c r="B12" s="37" t="s">
        <v>73</v>
      </c>
      <c r="C12" s="35" t="s">
        <v>362</v>
      </c>
      <c r="D12" s="44"/>
      <c r="E12" s="119"/>
      <c r="F12" s="120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92" t="s">
        <v>6</v>
      </c>
      <c r="C14" s="92"/>
      <c r="D14" s="92"/>
      <c r="E14" s="92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93" t="s">
        <v>7</v>
      </c>
      <c r="C16" s="93"/>
      <c r="D16" s="89"/>
      <c r="E16" s="89"/>
      <c r="H16" s="27"/>
    </row>
    <row r="17" spans="2:9" s="26" customFormat="1" ht="15" customHeight="1" x14ac:dyDescent="0.25">
      <c r="B17" s="88" t="s">
        <v>8</v>
      </c>
      <c r="C17" s="88"/>
      <c r="D17" s="89"/>
      <c r="E17" s="89"/>
    </row>
    <row r="18" spans="2:9" s="26" customFormat="1" ht="15" customHeight="1" x14ac:dyDescent="0.25">
      <c r="B18" s="88" t="s">
        <v>9</v>
      </c>
      <c r="C18" s="88"/>
      <c r="D18" s="89"/>
      <c r="E18" s="89"/>
    </row>
    <row r="19" spans="2:9" s="26" customFormat="1" ht="15" customHeight="1" x14ac:dyDescent="0.25">
      <c r="B19" s="88" t="s">
        <v>10</v>
      </c>
      <c r="C19" s="88"/>
      <c r="D19" s="89"/>
      <c r="E19" s="89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8"/>
      <c r="F24" s="118"/>
    </row>
    <row r="25" spans="2:9" ht="45" customHeight="1" x14ac:dyDescent="0.2">
      <c r="E25" s="86" t="s">
        <v>13</v>
      </c>
      <c r="F25" s="86"/>
      <c r="G25" s="29"/>
      <c r="H25" s="29"/>
    </row>
    <row r="26" spans="2:9" s="31" customFormat="1" x14ac:dyDescent="0.2">
      <c r="B26" s="87" t="s">
        <v>14</v>
      </c>
      <c r="C26" s="8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:E1"/>
    <mergeCell ref="B2:E2"/>
    <mergeCell ref="B3:E3"/>
    <mergeCell ref="B5:E5"/>
    <mergeCell ref="B6:C7"/>
    <mergeCell ref="D6:F6"/>
    <mergeCell ref="E7:F7"/>
    <mergeCell ref="B18:C18"/>
    <mergeCell ref="D18:E18"/>
    <mergeCell ref="B8:F8"/>
    <mergeCell ref="B9:F9"/>
    <mergeCell ref="E10:F10"/>
    <mergeCell ref="B11:F11"/>
    <mergeCell ref="E12:F12"/>
    <mergeCell ref="B14:E14"/>
    <mergeCell ref="B16:C16"/>
    <mergeCell ref="D16:E16"/>
    <mergeCell ref="B17:C17"/>
    <mergeCell ref="D17:E17"/>
    <mergeCell ref="B19:C19"/>
    <mergeCell ref="D19:E19"/>
    <mergeCell ref="E24:F24"/>
    <mergeCell ref="E25:F25"/>
    <mergeCell ref="B26:C26"/>
  </mergeCells>
  <conditionalFormatting sqref="D10">
    <cfRule type="containsBlanks" dxfId="83" priority="1">
      <formula>LEN(TRIM(D10))=0</formula>
    </cfRule>
  </conditionalFormatting>
  <conditionalFormatting sqref="D12 C22:C23">
    <cfRule type="containsBlanks" dxfId="82" priority="3">
      <formula>LEN(TRIM(C12))=0</formula>
    </cfRule>
  </conditionalFormatting>
  <conditionalFormatting sqref="D16:E19">
    <cfRule type="containsBlanks" dxfId="81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3645331-1053-400C-A2F4-B6ECA4F38FBB}">
  <sheetPr>
    <tabColor rgb="FFD3B5E9"/>
  </sheetPr>
  <dimension ref="B1:L28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363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43.5" customHeight="1" thickBot="1" x14ac:dyDescent="0.3">
      <c r="B8" s="110" t="s">
        <v>364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365</v>
      </c>
      <c r="C9" s="114"/>
      <c r="D9" s="114"/>
      <c r="E9" s="114"/>
      <c r="F9" s="115"/>
    </row>
    <row r="10" spans="2:12" s="9" customFormat="1" ht="38.25" x14ac:dyDescent="0.25">
      <c r="B10" s="66" t="s">
        <v>18</v>
      </c>
      <c r="C10" s="41" t="s">
        <v>366</v>
      </c>
      <c r="D10" s="10"/>
      <c r="E10" s="123"/>
      <c r="F10" s="124"/>
    </row>
    <row r="11" spans="2:12" s="9" customFormat="1" ht="38.25" x14ac:dyDescent="0.25">
      <c r="B11" s="67">
        <v>44958</v>
      </c>
      <c r="C11" s="68" t="s">
        <v>367</v>
      </c>
      <c r="D11" s="65"/>
      <c r="E11" s="39"/>
      <c r="F11" s="40"/>
    </row>
    <row r="12" spans="2:12" s="9" customFormat="1" ht="30" customHeight="1" thickBot="1" x14ac:dyDescent="0.3">
      <c r="B12" s="67">
        <v>44986</v>
      </c>
      <c r="C12" s="41" t="s">
        <v>368</v>
      </c>
      <c r="D12" s="65"/>
      <c r="E12" s="39"/>
      <c r="F12" s="40"/>
    </row>
    <row r="13" spans="2:12" s="9" customFormat="1" ht="30" customHeight="1" thickBot="1" x14ac:dyDescent="0.3">
      <c r="B13" s="69">
        <v>45017</v>
      </c>
      <c r="C13" s="70" t="s">
        <v>369</v>
      </c>
      <c r="D13" s="44"/>
      <c r="E13" s="119"/>
      <c r="F13" s="120"/>
    </row>
    <row r="14" spans="2:12" s="9" customFormat="1" ht="12" customHeight="1" x14ac:dyDescent="0.25">
      <c r="B14" s="19"/>
      <c r="C14" s="20"/>
      <c r="D14" s="21"/>
      <c r="E14" s="22"/>
    </row>
    <row r="15" spans="2:12" s="24" customFormat="1" ht="20.100000000000001" customHeight="1" x14ac:dyDescent="0.25">
      <c r="B15" s="92" t="s">
        <v>6</v>
      </c>
      <c r="C15" s="92"/>
      <c r="D15" s="92"/>
      <c r="E15" s="92"/>
      <c r="F15" s="23"/>
      <c r="G15" s="23"/>
      <c r="H15" s="23"/>
      <c r="I15" s="23"/>
      <c r="J15" s="23"/>
      <c r="K15" s="23"/>
    </row>
    <row r="16" spans="2:12" s="24" customFormat="1" ht="20.100000000000001" customHeight="1" x14ac:dyDescent="0.25">
      <c r="B16" s="25"/>
      <c r="C16" s="25"/>
      <c r="D16" s="25"/>
      <c r="E16" s="25"/>
      <c r="F16" s="23"/>
      <c r="G16" s="23"/>
      <c r="H16" s="23"/>
      <c r="I16" s="23"/>
      <c r="J16" s="23"/>
      <c r="K16" s="23"/>
    </row>
    <row r="17" spans="2:9" s="26" customFormat="1" ht="30" customHeight="1" x14ac:dyDescent="0.25">
      <c r="B17" s="93" t="s">
        <v>7</v>
      </c>
      <c r="C17" s="93"/>
      <c r="D17" s="89"/>
      <c r="E17" s="89"/>
      <c r="H17" s="27"/>
    </row>
    <row r="18" spans="2:9" s="26" customFormat="1" ht="15" customHeight="1" x14ac:dyDescent="0.25">
      <c r="B18" s="88" t="s">
        <v>8</v>
      </c>
      <c r="C18" s="88"/>
      <c r="D18" s="89"/>
      <c r="E18" s="89"/>
    </row>
    <row r="19" spans="2:9" s="26" customFormat="1" ht="15" customHeight="1" x14ac:dyDescent="0.25">
      <c r="B19" s="88" t="s">
        <v>9</v>
      </c>
      <c r="C19" s="88"/>
      <c r="D19" s="89"/>
      <c r="E19" s="89"/>
    </row>
    <row r="20" spans="2:9" s="26" customFormat="1" ht="15" customHeight="1" x14ac:dyDescent="0.25">
      <c r="B20" s="88" t="s">
        <v>10</v>
      </c>
      <c r="C20" s="88"/>
      <c r="D20" s="89"/>
      <c r="E20" s="89"/>
    </row>
    <row r="23" spans="2:9" ht="15" customHeight="1" x14ac:dyDescent="0.2">
      <c r="B23" s="2" t="s">
        <v>11</v>
      </c>
      <c r="C23" s="28"/>
      <c r="D23" s="1"/>
      <c r="F23" s="2"/>
      <c r="G23" s="2"/>
      <c r="H23" s="2"/>
    </row>
    <row r="24" spans="2:9" ht="15" customHeight="1" x14ac:dyDescent="0.2">
      <c r="B24" s="2" t="s">
        <v>12</v>
      </c>
      <c r="C24" s="28"/>
      <c r="D24" s="1"/>
      <c r="F24" s="2"/>
      <c r="G24" s="2"/>
      <c r="H24" s="2"/>
    </row>
    <row r="25" spans="2:9" ht="39.950000000000003" customHeight="1" x14ac:dyDescent="0.2">
      <c r="E25" s="118"/>
      <c r="F25" s="118"/>
    </row>
    <row r="26" spans="2:9" ht="45" customHeight="1" x14ac:dyDescent="0.2">
      <c r="E26" s="86" t="s">
        <v>13</v>
      </c>
      <c r="F26" s="86"/>
      <c r="G26" s="29"/>
      <c r="H26" s="29"/>
    </row>
    <row r="27" spans="2:9" s="31" customFormat="1" x14ac:dyDescent="0.2">
      <c r="B27" s="87" t="s">
        <v>14</v>
      </c>
      <c r="C27" s="87"/>
      <c r="D27" s="30"/>
      <c r="E27" s="29"/>
      <c r="F27" s="1"/>
      <c r="G27" s="1"/>
      <c r="H27" s="1"/>
    </row>
    <row r="28" spans="2:9" s="31" customFormat="1" ht="12" customHeight="1" x14ac:dyDescent="0.2">
      <c r="B28" s="32"/>
      <c r="C28" s="33" t="s">
        <v>15</v>
      </c>
      <c r="D28" s="33"/>
      <c r="E28" s="34"/>
      <c r="F28" s="1"/>
      <c r="G28" s="1"/>
      <c r="H28" s="1"/>
      <c r="I28" s="29"/>
    </row>
  </sheetData>
  <mergeCells count="23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3:F13"/>
    <mergeCell ref="B15:E15"/>
    <mergeCell ref="B17:C17"/>
    <mergeCell ref="D17:E17"/>
    <mergeCell ref="B18:C18"/>
    <mergeCell ref="D18:E18"/>
    <mergeCell ref="B19:C19"/>
    <mergeCell ref="D19:E19"/>
    <mergeCell ref="B20:C20"/>
    <mergeCell ref="D20:E20"/>
    <mergeCell ref="E25:F25"/>
    <mergeCell ref="E26:F26"/>
    <mergeCell ref="B27:C27"/>
  </mergeCells>
  <conditionalFormatting sqref="C23:C24">
    <cfRule type="containsBlanks" dxfId="80" priority="3">
      <formula>LEN(TRIM(C23))=0</formula>
    </cfRule>
  </conditionalFormatting>
  <conditionalFormatting sqref="D10:D13">
    <cfRule type="containsBlanks" dxfId="79" priority="1">
      <formula>LEN(TRIM(D10))=0</formula>
    </cfRule>
  </conditionalFormatting>
  <conditionalFormatting sqref="D17:E20">
    <cfRule type="containsBlanks" dxfId="78" priority="2">
      <formula>LEN(TRIM(D17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911250-64FF-42EB-BEDC-3FA5650767E5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98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6" customHeight="1" thickBot="1" x14ac:dyDescent="0.3">
      <c r="B8" s="110" t="s">
        <v>99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110</v>
      </c>
      <c r="C9" s="114"/>
      <c r="D9" s="114"/>
      <c r="E9" s="114"/>
      <c r="F9" s="115"/>
    </row>
    <row r="10" spans="2:12" s="9" customFormat="1" ht="75" customHeight="1" thickBot="1" x14ac:dyDescent="0.3">
      <c r="B10" s="36" t="s">
        <v>18</v>
      </c>
      <c r="C10" s="35" t="s">
        <v>100</v>
      </c>
      <c r="D10" s="10"/>
      <c r="E10" s="116"/>
      <c r="F10" s="117"/>
    </row>
    <row r="11" spans="2:12" s="9" customFormat="1" ht="30" customHeight="1" thickBot="1" x14ac:dyDescent="0.3">
      <c r="B11" s="113" t="s">
        <v>111</v>
      </c>
      <c r="C11" s="114" t="s">
        <v>21</v>
      </c>
      <c r="D11" s="114"/>
      <c r="E11" s="114"/>
      <c r="F11" s="115"/>
    </row>
    <row r="12" spans="2:12" s="9" customFormat="1" ht="71.25" customHeight="1" thickBot="1" x14ac:dyDescent="0.3">
      <c r="B12" s="42" t="s">
        <v>73</v>
      </c>
      <c r="C12" s="43" t="s">
        <v>101</v>
      </c>
      <c r="D12" s="44"/>
      <c r="E12" s="121"/>
      <c r="F12" s="122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3">
    <mergeCell ref="B17:C17"/>
    <mergeCell ref="D17:E17"/>
    <mergeCell ref="E22:F22"/>
    <mergeCell ref="E23:F23"/>
    <mergeCell ref="B24:C24"/>
    <mergeCell ref="B14:C14"/>
    <mergeCell ref="D14:E14"/>
    <mergeCell ref="B15:C15"/>
    <mergeCell ref="D15:E15"/>
    <mergeCell ref="B16:C16"/>
    <mergeCell ref="D16:E16"/>
    <mergeCell ref="B8:F8"/>
    <mergeCell ref="B9:F9"/>
    <mergeCell ref="E10:F10"/>
    <mergeCell ref="B11:F11"/>
    <mergeCell ref="E12:F12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86" priority="4">
      <formula>LEN(TRIM(C20))=0</formula>
    </cfRule>
  </conditionalFormatting>
  <conditionalFormatting sqref="D10 D12">
    <cfRule type="containsBlanks" dxfId="185" priority="2">
      <formula>LEN(TRIM(D10))=0</formula>
    </cfRule>
  </conditionalFormatting>
  <conditionalFormatting sqref="D14:E17">
    <cfRule type="containsBlanks" dxfId="184" priority="3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02EDF1F-F4D5-4D89-931A-80B760E63AD2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370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55.5" customHeight="1" thickBot="1" x14ac:dyDescent="0.3">
      <c r="B8" s="110" t="s">
        <v>371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372</v>
      </c>
      <c r="C9" s="114"/>
      <c r="D9" s="114"/>
      <c r="E9" s="114"/>
      <c r="F9" s="115"/>
    </row>
    <row r="10" spans="2:12" s="9" customFormat="1" ht="194.25" customHeight="1" thickBot="1" x14ac:dyDescent="0.3">
      <c r="B10" s="71" t="s">
        <v>18</v>
      </c>
      <c r="C10" s="72" t="s">
        <v>373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92" t="s">
        <v>6</v>
      </c>
      <c r="C12" s="92"/>
      <c r="D12" s="92"/>
      <c r="E12" s="92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E12"/>
    <mergeCell ref="B14:C14"/>
    <mergeCell ref="D14:E14"/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</mergeCells>
  <conditionalFormatting sqref="C20:C21">
    <cfRule type="containsBlanks" dxfId="77" priority="3">
      <formula>LEN(TRIM(C20))=0</formula>
    </cfRule>
  </conditionalFormatting>
  <conditionalFormatting sqref="D10">
    <cfRule type="containsBlanks" dxfId="76" priority="1">
      <formula>LEN(TRIM(D10))=0</formula>
    </cfRule>
  </conditionalFormatting>
  <conditionalFormatting sqref="D14:E17">
    <cfRule type="containsBlanks" dxfId="75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9A09F97-24CF-426D-9966-7A9AABA77563}">
  <sheetPr>
    <tabColor rgb="FFD3B5E9"/>
  </sheetPr>
  <dimension ref="B1:L26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374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9" customHeight="1" thickBot="1" x14ac:dyDescent="0.3">
      <c r="B8" s="110" t="s">
        <v>375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376</v>
      </c>
      <c r="C9" s="114"/>
      <c r="D9" s="114"/>
      <c r="E9" s="114"/>
      <c r="F9" s="115"/>
    </row>
    <row r="10" spans="2:12" s="9" customFormat="1" ht="70.5" customHeight="1" thickBot="1" x14ac:dyDescent="0.3">
      <c r="B10" s="73" t="s">
        <v>18</v>
      </c>
      <c r="C10" s="35" t="s">
        <v>377</v>
      </c>
      <c r="D10" s="44"/>
      <c r="E10" s="135"/>
      <c r="F10" s="136"/>
    </row>
    <row r="11" spans="2:12" s="9" customFormat="1" ht="84" customHeight="1" thickBot="1" x14ac:dyDescent="0.3">
      <c r="B11" s="37" t="s">
        <v>20</v>
      </c>
      <c r="C11" s="38" t="s">
        <v>378</v>
      </c>
      <c r="D11" s="59"/>
      <c r="E11" s="119"/>
      <c r="F11" s="120"/>
    </row>
    <row r="12" spans="2:12" s="9" customFormat="1" ht="12" customHeight="1" x14ac:dyDescent="0.25">
      <c r="B12" s="19"/>
      <c r="C12" s="20"/>
      <c r="D12" s="21"/>
      <c r="E12" s="22"/>
    </row>
    <row r="13" spans="2:12" s="24" customFormat="1" ht="20.100000000000001" customHeight="1" x14ac:dyDescent="0.25">
      <c r="B13" s="92" t="s">
        <v>6</v>
      </c>
      <c r="C13" s="92"/>
      <c r="D13" s="92"/>
      <c r="E13" s="92"/>
      <c r="F13" s="23"/>
      <c r="G13" s="23"/>
      <c r="H13" s="23"/>
      <c r="I13" s="23"/>
      <c r="J13" s="23"/>
      <c r="K13" s="23"/>
    </row>
    <row r="14" spans="2:12" s="24" customFormat="1" ht="20.100000000000001" customHeight="1" x14ac:dyDescent="0.25">
      <c r="B14" s="25"/>
      <c r="C14" s="25"/>
      <c r="D14" s="25"/>
      <c r="E14" s="25"/>
      <c r="F14" s="23"/>
      <c r="G14" s="23"/>
      <c r="H14" s="23"/>
      <c r="I14" s="23"/>
      <c r="J14" s="23"/>
      <c r="K14" s="23"/>
    </row>
    <row r="15" spans="2:12" s="26" customFormat="1" ht="30" customHeight="1" x14ac:dyDescent="0.25">
      <c r="B15" s="93" t="s">
        <v>7</v>
      </c>
      <c r="C15" s="93"/>
      <c r="D15" s="89"/>
      <c r="E15" s="89"/>
      <c r="H15" s="27"/>
    </row>
    <row r="16" spans="2:12" s="26" customFormat="1" ht="15" customHeight="1" x14ac:dyDescent="0.25">
      <c r="B16" s="88" t="s">
        <v>8</v>
      </c>
      <c r="C16" s="88"/>
      <c r="D16" s="89"/>
      <c r="E16" s="89"/>
    </row>
    <row r="17" spans="2:9" s="26" customFormat="1" ht="15" customHeight="1" x14ac:dyDescent="0.25">
      <c r="B17" s="88" t="s">
        <v>9</v>
      </c>
      <c r="C17" s="88"/>
      <c r="D17" s="89"/>
      <c r="E17" s="89"/>
    </row>
    <row r="18" spans="2:9" s="26" customFormat="1" ht="15" customHeight="1" x14ac:dyDescent="0.25">
      <c r="B18" s="88" t="s">
        <v>10</v>
      </c>
      <c r="C18" s="88"/>
      <c r="D18" s="89"/>
      <c r="E18" s="89"/>
    </row>
    <row r="21" spans="2:9" ht="15" customHeight="1" x14ac:dyDescent="0.2">
      <c r="B21" s="2" t="s">
        <v>11</v>
      </c>
      <c r="C21" s="28"/>
      <c r="D21" s="1"/>
      <c r="F21" s="2"/>
      <c r="G21" s="2"/>
      <c r="H21" s="2"/>
    </row>
    <row r="22" spans="2:9" ht="15" customHeight="1" x14ac:dyDescent="0.2">
      <c r="B22" s="2" t="s">
        <v>12</v>
      </c>
      <c r="C22" s="28"/>
      <c r="D22" s="1"/>
      <c r="F22" s="2"/>
      <c r="G22" s="2"/>
      <c r="H22" s="2"/>
    </row>
    <row r="23" spans="2:9" ht="39.950000000000003" customHeight="1" x14ac:dyDescent="0.2">
      <c r="E23" s="118"/>
      <c r="F23" s="118"/>
    </row>
    <row r="24" spans="2:9" ht="45" customHeight="1" x14ac:dyDescent="0.2">
      <c r="E24" s="86" t="s">
        <v>13</v>
      </c>
      <c r="F24" s="86"/>
      <c r="G24" s="29"/>
      <c r="H24" s="29"/>
    </row>
    <row r="25" spans="2:9" s="31" customFormat="1" x14ac:dyDescent="0.2">
      <c r="B25" s="87" t="s">
        <v>14</v>
      </c>
      <c r="C25" s="87"/>
      <c r="D25" s="30"/>
      <c r="E25" s="29"/>
      <c r="F25" s="1"/>
      <c r="G25" s="1"/>
      <c r="H25" s="1"/>
    </row>
    <row r="26" spans="2:9" s="31" customFormat="1" ht="12" customHeight="1" x14ac:dyDescent="0.2">
      <c r="B26" s="32"/>
      <c r="C26" s="33" t="s">
        <v>15</v>
      </c>
      <c r="D26" s="33"/>
      <c r="E26" s="34"/>
      <c r="F26" s="1"/>
      <c r="G26" s="1"/>
      <c r="H26" s="1"/>
      <c r="I26" s="29"/>
    </row>
  </sheetData>
  <mergeCells count="23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3:E13"/>
    <mergeCell ref="B15:C15"/>
    <mergeCell ref="D15:E15"/>
    <mergeCell ref="E23:F23"/>
    <mergeCell ref="E24:F24"/>
    <mergeCell ref="B25:C25"/>
    <mergeCell ref="E11:F11"/>
    <mergeCell ref="B16:C16"/>
    <mergeCell ref="D16:E16"/>
    <mergeCell ref="B17:C17"/>
    <mergeCell ref="D17:E17"/>
    <mergeCell ref="B18:C18"/>
    <mergeCell ref="D18:E18"/>
  </mergeCells>
  <conditionalFormatting sqref="C21:C22">
    <cfRule type="containsBlanks" dxfId="74" priority="3">
      <formula>LEN(TRIM(C21))=0</formula>
    </cfRule>
  </conditionalFormatting>
  <conditionalFormatting sqref="D10:D11">
    <cfRule type="containsBlanks" dxfId="73" priority="1">
      <formula>LEN(TRIM(D10))=0</formula>
    </cfRule>
  </conditionalFormatting>
  <conditionalFormatting sqref="D15:E18">
    <cfRule type="containsBlanks" dxfId="72" priority="2">
      <formula>LEN(TRIM(D15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4F9EB6-0779-47F1-A11D-6E3F67D62C7F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379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9" customHeight="1" thickBot="1" x14ac:dyDescent="0.3">
      <c r="B8" s="110" t="s">
        <v>380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381</v>
      </c>
      <c r="C9" s="114"/>
      <c r="D9" s="114"/>
      <c r="E9" s="114"/>
      <c r="F9" s="115"/>
    </row>
    <row r="10" spans="2:12" s="9" customFormat="1" ht="78.75" customHeight="1" thickBot="1" x14ac:dyDescent="0.3">
      <c r="B10" s="71" t="s">
        <v>18</v>
      </c>
      <c r="C10" s="74" t="s">
        <v>382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92" t="s">
        <v>6</v>
      </c>
      <c r="C12" s="92"/>
      <c r="D12" s="92"/>
      <c r="E12" s="92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E12"/>
    <mergeCell ref="B14:C14"/>
    <mergeCell ref="D14:E14"/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</mergeCells>
  <conditionalFormatting sqref="C20:C21">
    <cfRule type="containsBlanks" dxfId="71" priority="3">
      <formula>LEN(TRIM(C20))=0</formula>
    </cfRule>
  </conditionalFormatting>
  <conditionalFormatting sqref="D10">
    <cfRule type="containsBlanks" dxfId="70" priority="1">
      <formula>LEN(TRIM(D10))=0</formula>
    </cfRule>
  </conditionalFormatting>
  <conditionalFormatting sqref="D14:E17">
    <cfRule type="containsBlanks" dxfId="69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F5A8F5A-8C35-46C3-9A6B-CE5E8FBBED46}">
  <sheetPr>
    <tabColor rgb="FFD3B5E9"/>
    <pageSetUpPr fitToPage="1"/>
  </sheetPr>
  <dimension ref="B1:L43"/>
  <sheetViews>
    <sheetView showGridLines="0" topLeftCell="A18" zoomScale="90" zoomScaleNormal="90" workbookViewId="0">
      <selection activeCell="G30" sqref="G30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383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3.75" customHeight="1" thickBot="1" x14ac:dyDescent="0.3">
      <c r="B8" s="110" t="s">
        <v>384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385</v>
      </c>
      <c r="C9" s="114"/>
      <c r="D9" s="114"/>
      <c r="E9" s="114"/>
      <c r="F9" s="115"/>
    </row>
    <row r="10" spans="2:12" s="9" customFormat="1" ht="102.75" thickBot="1" x14ac:dyDescent="0.3">
      <c r="B10" s="46" t="s">
        <v>18</v>
      </c>
      <c r="C10" s="75" t="s">
        <v>386</v>
      </c>
      <c r="D10" s="56"/>
      <c r="E10" s="133"/>
      <c r="F10" s="134"/>
    </row>
    <row r="11" spans="2:12" s="9" customFormat="1" ht="28.5" customHeight="1" thickBot="1" x14ac:dyDescent="0.3">
      <c r="B11" s="113" t="s">
        <v>387</v>
      </c>
      <c r="C11" s="114"/>
      <c r="D11" s="114"/>
      <c r="E11" s="114"/>
      <c r="F11" s="115"/>
    </row>
    <row r="12" spans="2:12" s="9" customFormat="1" ht="51.75" thickBot="1" x14ac:dyDescent="0.3">
      <c r="B12" s="46" t="s">
        <v>73</v>
      </c>
      <c r="C12" s="53" t="s">
        <v>388</v>
      </c>
      <c r="D12" s="57"/>
      <c r="E12" s="133"/>
      <c r="F12" s="134"/>
    </row>
    <row r="13" spans="2:12" s="9" customFormat="1" ht="28.5" customHeight="1" thickBot="1" x14ac:dyDescent="0.3">
      <c r="B13" s="113" t="s">
        <v>389</v>
      </c>
      <c r="C13" s="114"/>
      <c r="D13" s="114"/>
      <c r="E13" s="114"/>
      <c r="F13" s="115"/>
    </row>
    <row r="14" spans="2:12" s="9" customFormat="1" ht="57.75" customHeight="1" thickBot="1" x14ac:dyDescent="0.3">
      <c r="B14" s="46" t="s">
        <v>75</v>
      </c>
      <c r="C14" s="53" t="s">
        <v>390</v>
      </c>
      <c r="D14" s="57"/>
      <c r="E14" s="90"/>
      <c r="F14" s="91"/>
    </row>
    <row r="15" spans="2:12" s="9" customFormat="1" ht="28.5" customHeight="1" thickBot="1" x14ac:dyDescent="0.3">
      <c r="B15" s="113" t="s">
        <v>391</v>
      </c>
      <c r="C15" s="114"/>
      <c r="D15" s="114"/>
      <c r="E15" s="114"/>
      <c r="F15" s="115"/>
    </row>
    <row r="16" spans="2:12" s="9" customFormat="1" ht="64.5" thickBot="1" x14ac:dyDescent="0.3">
      <c r="B16" s="36" t="s">
        <v>77</v>
      </c>
      <c r="C16" s="61" t="s">
        <v>392</v>
      </c>
      <c r="D16" s="57"/>
      <c r="E16" s="90"/>
      <c r="F16" s="91"/>
    </row>
    <row r="17" spans="2:11" s="9" customFormat="1" ht="28.5" customHeight="1" thickBot="1" x14ac:dyDescent="0.3">
      <c r="B17" s="113" t="s">
        <v>393</v>
      </c>
      <c r="C17" s="114"/>
      <c r="D17" s="114"/>
      <c r="E17" s="114"/>
      <c r="F17" s="115"/>
    </row>
    <row r="18" spans="2:11" s="9" customFormat="1" ht="56.25" customHeight="1" thickBot="1" x14ac:dyDescent="0.3">
      <c r="B18" s="46" t="s">
        <v>79</v>
      </c>
      <c r="C18" s="35" t="s">
        <v>394</v>
      </c>
      <c r="D18" s="56"/>
      <c r="E18" s="133"/>
      <c r="F18" s="134"/>
    </row>
    <row r="19" spans="2:11" s="9" customFormat="1" ht="28.5" customHeight="1" thickBot="1" x14ac:dyDescent="0.3">
      <c r="B19" s="113" t="s">
        <v>395</v>
      </c>
      <c r="C19" s="114"/>
      <c r="D19" s="114"/>
      <c r="E19" s="114"/>
      <c r="F19" s="115"/>
    </row>
    <row r="20" spans="2:11" s="9" customFormat="1" ht="64.5" thickBot="1" x14ac:dyDescent="0.3">
      <c r="B20" s="36" t="s">
        <v>81</v>
      </c>
      <c r="C20" s="35" t="s">
        <v>396</v>
      </c>
      <c r="D20" s="11"/>
      <c r="E20" s="131"/>
      <c r="F20" s="132"/>
    </row>
    <row r="21" spans="2:11" s="9" customFormat="1" ht="28.5" customHeight="1" thickBot="1" x14ac:dyDescent="0.3">
      <c r="B21" s="113" t="s">
        <v>397</v>
      </c>
      <c r="C21" s="114"/>
      <c r="D21" s="114"/>
      <c r="E21" s="114"/>
      <c r="F21" s="115"/>
    </row>
    <row r="22" spans="2:11" s="9" customFormat="1" ht="77.25" thickBot="1" x14ac:dyDescent="0.3">
      <c r="B22" s="36" t="s">
        <v>398</v>
      </c>
      <c r="C22" s="35" t="s">
        <v>399</v>
      </c>
      <c r="D22" s="11"/>
      <c r="E22" s="131"/>
      <c r="F22" s="132"/>
    </row>
    <row r="23" spans="2:11" s="9" customFormat="1" ht="28.5" customHeight="1" thickBot="1" x14ac:dyDescent="0.3">
      <c r="B23" s="113" t="s">
        <v>400</v>
      </c>
      <c r="C23" s="114"/>
      <c r="D23" s="114"/>
      <c r="E23" s="114"/>
      <c r="F23" s="115"/>
    </row>
    <row r="24" spans="2:11" s="9" customFormat="1" ht="102.75" thickBot="1" x14ac:dyDescent="0.3">
      <c r="B24" s="46" t="s">
        <v>401</v>
      </c>
      <c r="C24" s="62" t="s">
        <v>402</v>
      </c>
      <c r="D24" s="56"/>
      <c r="E24" s="133"/>
      <c r="F24" s="134"/>
    </row>
    <row r="25" spans="2:11" s="9" customFormat="1" ht="28.5" customHeight="1" thickBot="1" x14ac:dyDescent="0.3">
      <c r="B25" s="113" t="s">
        <v>403</v>
      </c>
      <c r="C25" s="114"/>
      <c r="D25" s="114"/>
      <c r="E25" s="114"/>
      <c r="F25" s="115"/>
    </row>
    <row r="26" spans="2:11" s="9" customFormat="1" ht="43.5" customHeight="1" x14ac:dyDescent="0.25">
      <c r="B26" s="36" t="s">
        <v>405</v>
      </c>
      <c r="C26" s="35" t="s">
        <v>406</v>
      </c>
      <c r="D26" s="76"/>
      <c r="E26" s="137"/>
      <c r="F26" s="138"/>
    </row>
    <row r="27" spans="2:11" s="9" customFormat="1" ht="28.5" customHeight="1" thickBot="1" x14ac:dyDescent="0.3">
      <c r="B27" s="141" t="s">
        <v>404</v>
      </c>
      <c r="C27" s="142"/>
      <c r="D27" s="142"/>
      <c r="E27" s="142"/>
      <c r="F27" s="143"/>
    </row>
    <row r="28" spans="2:11" s="9" customFormat="1" ht="66" customHeight="1" thickBot="1" x14ac:dyDescent="0.3">
      <c r="B28" s="78" t="s">
        <v>407</v>
      </c>
      <c r="C28" s="38" t="s">
        <v>408</v>
      </c>
      <c r="D28" s="16"/>
      <c r="E28" s="139"/>
      <c r="F28" s="140"/>
    </row>
    <row r="29" spans="2:11" s="9" customFormat="1" ht="12" customHeight="1" x14ac:dyDescent="0.25">
      <c r="B29" s="77"/>
      <c r="C29" s="20"/>
      <c r="D29" s="21"/>
      <c r="E29" s="22"/>
    </row>
    <row r="30" spans="2:11" s="24" customFormat="1" ht="20.100000000000001" customHeight="1" x14ac:dyDescent="0.25">
      <c r="B30" s="92" t="s">
        <v>6</v>
      </c>
      <c r="C30" s="92"/>
      <c r="D30" s="92"/>
      <c r="E30" s="92"/>
      <c r="F30" s="23"/>
      <c r="G30" s="23"/>
      <c r="H30" s="23"/>
      <c r="I30" s="23"/>
      <c r="J30" s="23"/>
      <c r="K30" s="23"/>
    </row>
    <row r="31" spans="2:11" s="24" customFormat="1" ht="20.100000000000001" customHeight="1" x14ac:dyDescent="0.25">
      <c r="B31" s="25"/>
      <c r="C31" s="25"/>
      <c r="D31" s="25"/>
      <c r="E31" s="25"/>
      <c r="F31" s="23"/>
      <c r="G31" s="23"/>
      <c r="H31" s="23"/>
      <c r="I31" s="23"/>
      <c r="J31" s="23"/>
      <c r="K31" s="23"/>
    </row>
    <row r="32" spans="2:11" s="26" customFormat="1" ht="30" customHeight="1" x14ac:dyDescent="0.25">
      <c r="B32" s="93" t="s">
        <v>7</v>
      </c>
      <c r="C32" s="93"/>
      <c r="D32" s="89"/>
      <c r="E32" s="89"/>
      <c r="H32" s="27"/>
    </row>
    <row r="33" spans="2:9" s="26" customFormat="1" ht="15" customHeight="1" x14ac:dyDescent="0.25">
      <c r="B33" s="88" t="s">
        <v>8</v>
      </c>
      <c r="C33" s="88"/>
      <c r="D33" s="89"/>
      <c r="E33" s="89"/>
    </row>
    <row r="34" spans="2:9" s="26" customFormat="1" ht="15" customHeight="1" x14ac:dyDescent="0.25">
      <c r="B34" s="88" t="s">
        <v>9</v>
      </c>
      <c r="C34" s="88"/>
      <c r="D34" s="89"/>
      <c r="E34" s="89"/>
    </row>
    <row r="35" spans="2:9" s="26" customFormat="1" ht="15" customHeight="1" x14ac:dyDescent="0.25">
      <c r="B35" s="88" t="s">
        <v>10</v>
      </c>
      <c r="C35" s="88"/>
      <c r="D35" s="89"/>
      <c r="E35" s="89"/>
    </row>
    <row r="38" spans="2:9" ht="15" customHeight="1" x14ac:dyDescent="0.2">
      <c r="B38" s="2" t="s">
        <v>11</v>
      </c>
      <c r="C38" s="28"/>
      <c r="D38" s="1"/>
      <c r="F38" s="2"/>
      <c r="G38" s="2"/>
      <c r="H38" s="2"/>
    </row>
    <row r="39" spans="2:9" ht="15" customHeight="1" x14ac:dyDescent="0.2">
      <c r="B39" s="2" t="s">
        <v>12</v>
      </c>
      <c r="C39" s="28"/>
      <c r="D39" s="1"/>
      <c r="F39" s="2"/>
      <c r="G39" s="2"/>
      <c r="H39" s="2"/>
    </row>
    <row r="40" spans="2:9" ht="39.950000000000003" customHeight="1" x14ac:dyDescent="0.2">
      <c r="E40" s="118"/>
      <c r="F40" s="118"/>
    </row>
    <row r="41" spans="2:9" ht="45" customHeight="1" x14ac:dyDescent="0.2">
      <c r="E41" s="86" t="s">
        <v>13</v>
      </c>
      <c r="F41" s="86"/>
      <c r="G41" s="29"/>
      <c r="H41" s="29"/>
    </row>
    <row r="42" spans="2:9" s="31" customFormat="1" x14ac:dyDescent="0.2">
      <c r="B42" s="87" t="s">
        <v>14</v>
      </c>
      <c r="C42" s="87"/>
      <c r="D42" s="30"/>
      <c r="E42" s="29"/>
      <c r="F42" s="1"/>
      <c r="G42" s="1"/>
      <c r="H42" s="1"/>
    </row>
    <row r="43" spans="2:9" s="31" customFormat="1" ht="12" customHeight="1" x14ac:dyDescent="0.2">
      <c r="B43" s="32"/>
      <c r="C43" s="33" t="s">
        <v>15</v>
      </c>
      <c r="D43" s="33"/>
      <c r="E43" s="34"/>
      <c r="F43" s="1"/>
      <c r="G43" s="1"/>
      <c r="H43" s="1"/>
      <c r="I43" s="29"/>
    </row>
  </sheetData>
  <mergeCells count="40">
    <mergeCell ref="B8:F8"/>
    <mergeCell ref="B9:F9"/>
    <mergeCell ref="E10:F10"/>
    <mergeCell ref="B1:E1"/>
    <mergeCell ref="B2:E2"/>
    <mergeCell ref="B3:E3"/>
    <mergeCell ref="B5:E5"/>
    <mergeCell ref="B6:C7"/>
    <mergeCell ref="D6:F6"/>
    <mergeCell ref="E7:F7"/>
    <mergeCell ref="B11:F11"/>
    <mergeCell ref="E12:F12"/>
    <mergeCell ref="E16:F16"/>
    <mergeCell ref="B17:F17"/>
    <mergeCell ref="E18:F18"/>
    <mergeCell ref="B27:F27"/>
    <mergeCell ref="B35:C35"/>
    <mergeCell ref="B13:F13"/>
    <mergeCell ref="E14:F14"/>
    <mergeCell ref="B15:F15"/>
    <mergeCell ref="B25:F25"/>
    <mergeCell ref="E20:F20"/>
    <mergeCell ref="E22:F22"/>
    <mergeCell ref="D35:E35"/>
    <mergeCell ref="E40:F40"/>
    <mergeCell ref="E41:F41"/>
    <mergeCell ref="B42:C42"/>
    <mergeCell ref="B19:F19"/>
    <mergeCell ref="B21:F21"/>
    <mergeCell ref="B23:F23"/>
    <mergeCell ref="E26:F26"/>
    <mergeCell ref="E28:F28"/>
    <mergeCell ref="B30:E30"/>
    <mergeCell ref="B32:C32"/>
    <mergeCell ref="D32:E32"/>
    <mergeCell ref="B33:C33"/>
    <mergeCell ref="D33:E33"/>
    <mergeCell ref="B34:C34"/>
    <mergeCell ref="D34:E34"/>
    <mergeCell ref="E24:F24"/>
  </mergeCells>
  <conditionalFormatting sqref="C38:C39">
    <cfRule type="containsBlanks" dxfId="68" priority="3">
      <formula>LEN(TRIM(C38))=0</formula>
    </cfRule>
  </conditionalFormatting>
  <conditionalFormatting sqref="D10 D12 D14 D16 D18 D20 D22 D24 D26 D28">
    <cfRule type="containsBlanks" dxfId="67" priority="1">
      <formula>LEN(TRIM(D10))=0</formula>
    </cfRule>
  </conditionalFormatting>
  <conditionalFormatting sqref="D32:E35">
    <cfRule type="containsBlanks" dxfId="66" priority="2">
      <formula>LEN(TRIM(D32))=0</formula>
    </cfRule>
  </conditionalFormatting>
  <pageMargins left="0.98425196850393704" right="0.78740157480314965" top="0.98425196850393704" bottom="0.78740157480314965" header="0.31496062992125984" footer="0.31496062992125984"/>
  <pageSetup paperSize="9" scale="60" fitToHeight="0" orientation="portrait" r:id="rId1"/>
  <headerFooter>
    <oddHeader>&amp;L&amp;"Arial,Tučné"&amp;10Príloha č. 5 SP&amp;"Arial,Normálne"
Špecifikácia predmetu zákazky</oddHeader>
  </headerFooter>
  <rowBreaks count="1" manualBreakCount="1">
    <brk id="26" max="16383" man="1"/>
  </rowBreaks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422F982-30FA-4FEF-BCE2-C13FC7F39434}">
  <sheetPr>
    <tabColor rgb="FFD3B5E9"/>
  </sheetPr>
  <dimension ref="B1:L63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644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82.5" customHeight="1" thickBot="1" x14ac:dyDescent="0.3">
      <c r="B8" s="110" t="s">
        <v>645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646</v>
      </c>
      <c r="C9" s="114"/>
      <c r="D9" s="114"/>
      <c r="E9" s="114"/>
      <c r="F9" s="115"/>
    </row>
    <row r="10" spans="2:12" s="9" customFormat="1" ht="134.25" customHeight="1" thickBot="1" x14ac:dyDescent="0.3">
      <c r="B10" s="46" t="s">
        <v>18</v>
      </c>
      <c r="C10" s="75" t="s">
        <v>647</v>
      </c>
      <c r="D10" s="56"/>
      <c r="E10" s="133"/>
      <c r="F10" s="134"/>
    </row>
    <row r="11" spans="2:12" s="9" customFormat="1" ht="28.5" customHeight="1" thickBot="1" x14ac:dyDescent="0.3">
      <c r="B11" s="113" t="s">
        <v>648</v>
      </c>
      <c r="C11" s="114"/>
      <c r="D11" s="114"/>
      <c r="E11" s="114"/>
      <c r="F11" s="115"/>
    </row>
    <row r="12" spans="2:12" s="9" customFormat="1" ht="120" customHeight="1" thickBot="1" x14ac:dyDescent="0.3">
      <c r="B12" s="46" t="s">
        <v>73</v>
      </c>
      <c r="C12" s="53" t="s">
        <v>649</v>
      </c>
      <c r="D12" s="57"/>
      <c r="E12" s="133"/>
      <c r="F12" s="134"/>
    </row>
    <row r="13" spans="2:12" s="9" customFormat="1" ht="28.5" customHeight="1" thickBot="1" x14ac:dyDescent="0.3">
      <c r="B13" s="113" t="s">
        <v>650</v>
      </c>
      <c r="C13" s="114"/>
      <c r="D13" s="114"/>
      <c r="E13" s="114"/>
      <c r="F13" s="115"/>
    </row>
    <row r="14" spans="2:12" s="9" customFormat="1" ht="192.75" customHeight="1" thickBot="1" x14ac:dyDescent="0.3">
      <c r="B14" s="46" t="s">
        <v>75</v>
      </c>
      <c r="C14" s="53" t="s">
        <v>651</v>
      </c>
      <c r="D14" s="57"/>
      <c r="E14" s="90"/>
      <c r="F14" s="91"/>
    </row>
    <row r="15" spans="2:12" s="9" customFormat="1" ht="28.5" customHeight="1" thickBot="1" x14ac:dyDescent="0.3">
      <c r="B15" s="113" t="s">
        <v>652</v>
      </c>
      <c r="C15" s="114"/>
      <c r="D15" s="114"/>
      <c r="E15" s="114"/>
      <c r="F15" s="115"/>
    </row>
    <row r="16" spans="2:12" s="9" customFormat="1" ht="93" customHeight="1" thickBot="1" x14ac:dyDescent="0.3">
      <c r="B16" s="36" t="s">
        <v>77</v>
      </c>
      <c r="C16" s="61" t="s">
        <v>653</v>
      </c>
      <c r="D16" s="57"/>
      <c r="E16" s="90"/>
      <c r="F16" s="91"/>
    </row>
    <row r="17" spans="2:6" s="9" customFormat="1" ht="28.5" customHeight="1" thickBot="1" x14ac:dyDescent="0.3">
      <c r="B17" s="113" t="s">
        <v>654</v>
      </c>
      <c r="C17" s="114"/>
      <c r="D17" s="114"/>
      <c r="E17" s="114"/>
      <c r="F17" s="115"/>
    </row>
    <row r="18" spans="2:6" s="9" customFormat="1" ht="121.5" customHeight="1" thickBot="1" x14ac:dyDescent="0.3">
      <c r="B18" s="46" t="s">
        <v>79</v>
      </c>
      <c r="C18" s="35" t="s">
        <v>655</v>
      </c>
      <c r="D18" s="56"/>
      <c r="E18" s="133"/>
      <c r="F18" s="134"/>
    </row>
    <row r="19" spans="2:6" s="9" customFormat="1" ht="30" customHeight="1" thickBot="1" x14ac:dyDescent="0.3">
      <c r="B19" s="113" t="s">
        <v>656</v>
      </c>
      <c r="C19" s="114"/>
      <c r="D19" s="114"/>
      <c r="E19" s="114"/>
      <c r="F19" s="115"/>
    </row>
    <row r="20" spans="2:6" s="9" customFormat="1" ht="141" thickBot="1" x14ac:dyDescent="0.3">
      <c r="B20" s="36" t="s">
        <v>81</v>
      </c>
      <c r="C20" s="35" t="s">
        <v>657</v>
      </c>
      <c r="D20" s="11"/>
      <c r="E20" s="131"/>
      <c r="F20" s="132"/>
    </row>
    <row r="21" spans="2:6" s="9" customFormat="1" ht="28.5" customHeight="1" thickBot="1" x14ac:dyDescent="0.3">
      <c r="B21" s="113" t="s">
        <v>658</v>
      </c>
      <c r="C21" s="114"/>
      <c r="D21" s="114"/>
      <c r="E21" s="114"/>
      <c r="F21" s="115"/>
    </row>
    <row r="22" spans="2:6" s="9" customFormat="1" ht="128.25" thickBot="1" x14ac:dyDescent="0.3">
      <c r="B22" s="36" t="s">
        <v>398</v>
      </c>
      <c r="C22" s="35" t="s">
        <v>659</v>
      </c>
      <c r="D22" s="11"/>
      <c r="E22" s="131"/>
      <c r="F22" s="132"/>
    </row>
    <row r="23" spans="2:6" s="9" customFormat="1" ht="28.5" customHeight="1" thickBot="1" x14ac:dyDescent="0.3">
      <c r="B23" s="113" t="s">
        <v>660</v>
      </c>
      <c r="C23" s="114"/>
      <c r="D23" s="114"/>
      <c r="E23" s="114"/>
      <c r="F23" s="115"/>
    </row>
    <row r="24" spans="2:6" s="9" customFormat="1" ht="102.75" thickBot="1" x14ac:dyDescent="0.3">
      <c r="B24" s="46" t="s">
        <v>401</v>
      </c>
      <c r="C24" s="62" t="s">
        <v>661</v>
      </c>
      <c r="D24" s="56"/>
      <c r="E24" s="133"/>
      <c r="F24" s="134"/>
    </row>
    <row r="25" spans="2:6" s="9" customFormat="1" ht="28.5" customHeight="1" thickBot="1" x14ac:dyDescent="0.3">
      <c r="B25" s="113" t="s">
        <v>662</v>
      </c>
      <c r="C25" s="114"/>
      <c r="D25" s="114"/>
      <c r="E25" s="114"/>
      <c r="F25" s="115"/>
    </row>
    <row r="26" spans="2:6" s="9" customFormat="1" ht="198.75" customHeight="1" x14ac:dyDescent="0.25">
      <c r="B26" s="36" t="s">
        <v>405</v>
      </c>
      <c r="C26" s="35" t="s">
        <v>663</v>
      </c>
      <c r="D26" s="76"/>
      <c r="E26" s="137"/>
      <c r="F26" s="138"/>
    </row>
    <row r="27" spans="2:6" s="9" customFormat="1" ht="28.5" customHeight="1" thickBot="1" x14ac:dyDescent="0.3">
      <c r="B27" s="141" t="s">
        <v>664</v>
      </c>
      <c r="C27" s="142"/>
      <c r="D27" s="142"/>
      <c r="E27" s="142"/>
      <c r="F27" s="143"/>
    </row>
    <row r="28" spans="2:6" s="9" customFormat="1" ht="134.25" customHeight="1" thickBot="1" x14ac:dyDescent="0.3">
      <c r="B28" s="78" t="s">
        <v>407</v>
      </c>
      <c r="C28" s="38" t="s">
        <v>665</v>
      </c>
      <c r="D28" s="16"/>
      <c r="E28" s="139"/>
      <c r="F28" s="140"/>
    </row>
    <row r="29" spans="2:6" s="9" customFormat="1" ht="28.5" customHeight="1" thickBot="1" x14ac:dyDescent="0.3">
      <c r="B29" s="113" t="s">
        <v>666</v>
      </c>
      <c r="C29" s="114"/>
      <c r="D29" s="114"/>
      <c r="E29" s="114"/>
      <c r="F29" s="115"/>
    </row>
    <row r="30" spans="2:6" s="9" customFormat="1" ht="36.75" customHeight="1" thickBot="1" x14ac:dyDescent="0.3">
      <c r="B30" s="46" t="s">
        <v>667</v>
      </c>
      <c r="C30" s="75" t="s">
        <v>668</v>
      </c>
      <c r="D30" s="56"/>
      <c r="E30" s="133"/>
      <c r="F30" s="134"/>
    </row>
    <row r="31" spans="2:6" s="9" customFormat="1" ht="28.5" customHeight="1" thickBot="1" x14ac:dyDescent="0.3">
      <c r="B31" s="113" t="s">
        <v>669</v>
      </c>
      <c r="C31" s="114"/>
      <c r="D31" s="114"/>
      <c r="E31" s="114"/>
      <c r="F31" s="115"/>
    </row>
    <row r="32" spans="2:6" s="9" customFormat="1" ht="69" customHeight="1" thickBot="1" x14ac:dyDescent="0.3">
      <c r="B32" s="46" t="s">
        <v>670</v>
      </c>
      <c r="C32" s="53" t="s">
        <v>671</v>
      </c>
      <c r="D32" s="57"/>
      <c r="E32" s="133"/>
      <c r="F32" s="134"/>
    </row>
    <row r="33" spans="2:6" s="9" customFormat="1" ht="28.5" customHeight="1" thickBot="1" x14ac:dyDescent="0.3">
      <c r="B33" s="113" t="s">
        <v>672</v>
      </c>
      <c r="C33" s="114"/>
      <c r="D33" s="114"/>
      <c r="E33" s="114"/>
      <c r="F33" s="115"/>
    </row>
    <row r="34" spans="2:6" s="9" customFormat="1" ht="57.75" customHeight="1" thickBot="1" x14ac:dyDescent="0.3">
      <c r="B34" s="46" t="s">
        <v>673</v>
      </c>
      <c r="C34" s="53" t="s">
        <v>674</v>
      </c>
      <c r="D34" s="57"/>
      <c r="E34" s="90"/>
      <c r="F34" s="91"/>
    </row>
    <row r="35" spans="2:6" s="9" customFormat="1" ht="28.5" customHeight="1" thickBot="1" x14ac:dyDescent="0.3">
      <c r="B35" s="113" t="s">
        <v>675</v>
      </c>
      <c r="C35" s="114"/>
      <c r="D35" s="114"/>
      <c r="E35" s="114"/>
      <c r="F35" s="115"/>
    </row>
    <row r="36" spans="2:6" s="9" customFormat="1" ht="86.25" customHeight="1" thickBot="1" x14ac:dyDescent="0.3">
      <c r="B36" s="36" t="s">
        <v>676</v>
      </c>
      <c r="C36" s="61" t="s">
        <v>677</v>
      </c>
      <c r="D36" s="57"/>
      <c r="E36" s="90"/>
      <c r="F36" s="91"/>
    </row>
    <row r="37" spans="2:6" s="9" customFormat="1" ht="28.5" customHeight="1" thickBot="1" x14ac:dyDescent="0.3">
      <c r="B37" s="113" t="s">
        <v>678</v>
      </c>
      <c r="C37" s="114"/>
      <c r="D37" s="114"/>
      <c r="E37" s="114"/>
      <c r="F37" s="115"/>
    </row>
    <row r="38" spans="2:6" s="9" customFormat="1" ht="94.5" customHeight="1" thickBot="1" x14ac:dyDescent="0.3">
      <c r="B38" s="46" t="s">
        <v>679</v>
      </c>
      <c r="C38" s="35" t="s">
        <v>680</v>
      </c>
      <c r="D38" s="56"/>
      <c r="E38" s="133"/>
      <c r="F38" s="134"/>
    </row>
    <row r="39" spans="2:6" s="9" customFormat="1" ht="30" customHeight="1" thickBot="1" x14ac:dyDescent="0.3">
      <c r="B39" s="113" t="s">
        <v>681</v>
      </c>
      <c r="C39" s="114"/>
      <c r="D39" s="114"/>
      <c r="E39" s="114"/>
      <c r="F39" s="115"/>
    </row>
    <row r="40" spans="2:6" s="9" customFormat="1" ht="84" customHeight="1" thickBot="1" x14ac:dyDescent="0.3">
      <c r="B40" s="36" t="s">
        <v>682</v>
      </c>
      <c r="C40" s="35" t="s">
        <v>683</v>
      </c>
      <c r="D40" s="11"/>
      <c r="E40" s="131"/>
      <c r="F40" s="132"/>
    </row>
    <row r="41" spans="2:6" s="9" customFormat="1" ht="28.5" customHeight="1" thickBot="1" x14ac:dyDescent="0.3">
      <c r="B41" s="113" t="s">
        <v>684</v>
      </c>
      <c r="C41" s="114"/>
      <c r="D41" s="114"/>
      <c r="E41" s="114"/>
      <c r="F41" s="115"/>
    </row>
    <row r="42" spans="2:6" s="9" customFormat="1" ht="84" customHeight="1" thickBot="1" x14ac:dyDescent="0.3">
      <c r="B42" s="36" t="s">
        <v>685</v>
      </c>
      <c r="C42" s="35" t="s">
        <v>686</v>
      </c>
      <c r="D42" s="11"/>
      <c r="E42" s="131"/>
      <c r="F42" s="132"/>
    </row>
    <row r="43" spans="2:6" s="9" customFormat="1" ht="28.5" customHeight="1" thickBot="1" x14ac:dyDescent="0.3">
      <c r="B43" s="113" t="s">
        <v>687</v>
      </c>
      <c r="C43" s="114"/>
      <c r="D43" s="114"/>
      <c r="E43" s="114"/>
      <c r="F43" s="115"/>
    </row>
    <row r="44" spans="2:6" s="9" customFormat="1" ht="136.5" customHeight="1" thickBot="1" x14ac:dyDescent="0.3">
      <c r="B44" s="46" t="s">
        <v>688</v>
      </c>
      <c r="C44" s="62" t="s">
        <v>689</v>
      </c>
      <c r="D44" s="56"/>
      <c r="E44" s="133"/>
      <c r="F44" s="134"/>
    </row>
    <row r="45" spans="2:6" s="9" customFormat="1" ht="28.5" customHeight="1" thickBot="1" x14ac:dyDescent="0.3">
      <c r="B45" s="113" t="s">
        <v>690</v>
      </c>
      <c r="C45" s="114"/>
      <c r="D45" s="114"/>
      <c r="E45" s="114"/>
      <c r="F45" s="115"/>
    </row>
    <row r="46" spans="2:6" s="9" customFormat="1" ht="79.5" customHeight="1" x14ac:dyDescent="0.25">
      <c r="B46" s="36" t="s">
        <v>691</v>
      </c>
      <c r="C46" s="35" t="s">
        <v>692</v>
      </c>
      <c r="D46" s="76"/>
      <c r="E46" s="137"/>
      <c r="F46" s="138"/>
    </row>
    <row r="47" spans="2:6" s="9" customFormat="1" ht="28.5" customHeight="1" thickBot="1" x14ac:dyDescent="0.3">
      <c r="B47" s="141" t="s">
        <v>693</v>
      </c>
      <c r="C47" s="142"/>
      <c r="D47" s="142"/>
      <c r="E47" s="142"/>
      <c r="F47" s="143"/>
    </row>
    <row r="48" spans="2:6" s="9" customFormat="1" ht="48" customHeight="1" thickBot="1" x14ac:dyDescent="0.3">
      <c r="B48" s="78" t="s">
        <v>694</v>
      </c>
      <c r="C48" s="38" t="s">
        <v>695</v>
      </c>
      <c r="D48" s="16"/>
      <c r="E48" s="139"/>
      <c r="F48" s="140"/>
    </row>
    <row r="49" spans="2:11" s="9" customFormat="1" ht="12" customHeight="1" x14ac:dyDescent="0.25">
      <c r="B49" s="77"/>
      <c r="C49" s="20"/>
      <c r="D49" s="21"/>
      <c r="E49" s="22"/>
    </row>
    <row r="50" spans="2:11" s="24" customFormat="1" ht="20.100000000000001" customHeight="1" x14ac:dyDescent="0.25">
      <c r="B50" s="92" t="s">
        <v>6</v>
      </c>
      <c r="C50" s="92"/>
      <c r="D50" s="92"/>
      <c r="E50" s="92"/>
      <c r="F50" s="23"/>
      <c r="G50" s="23"/>
      <c r="H50" s="23"/>
      <c r="I50" s="23"/>
      <c r="J50" s="23"/>
      <c r="K50" s="23"/>
    </row>
    <row r="51" spans="2:11" s="24" customFormat="1" ht="20.100000000000001" customHeight="1" x14ac:dyDescent="0.25">
      <c r="B51" s="25"/>
      <c r="C51" s="25"/>
      <c r="D51" s="25"/>
      <c r="E51" s="25"/>
      <c r="F51" s="23"/>
      <c r="G51" s="23"/>
      <c r="H51" s="23"/>
      <c r="I51" s="23"/>
      <c r="J51" s="23"/>
      <c r="K51" s="23"/>
    </row>
    <row r="52" spans="2:11" s="26" customFormat="1" ht="30" customHeight="1" x14ac:dyDescent="0.25">
      <c r="B52" s="93" t="s">
        <v>7</v>
      </c>
      <c r="C52" s="93"/>
      <c r="D52" s="89"/>
      <c r="E52" s="89"/>
      <c r="H52" s="27"/>
    </row>
    <row r="53" spans="2:11" s="26" customFormat="1" ht="15" customHeight="1" x14ac:dyDescent="0.25">
      <c r="B53" s="88" t="s">
        <v>8</v>
      </c>
      <c r="C53" s="88"/>
      <c r="D53" s="89"/>
      <c r="E53" s="89"/>
    </row>
    <row r="54" spans="2:11" s="26" customFormat="1" ht="15" customHeight="1" x14ac:dyDescent="0.25">
      <c r="B54" s="88" t="s">
        <v>9</v>
      </c>
      <c r="C54" s="88"/>
      <c r="D54" s="89"/>
      <c r="E54" s="89"/>
    </row>
    <row r="55" spans="2:11" s="26" customFormat="1" ht="15" customHeight="1" x14ac:dyDescent="0.25">
      <c r="B55" s="88" t="s">
        <v>10</v>
      </c>
      <c r="C55" s="88"/>
      <c r="D55" s="89"/>
      <c r="E55" s="89"/>
    </row>
    <row r="58" spans="2:11" ht="15" customHeight="1" x14ac:dyDescent="0.2">
      <c r="B58" s="2" t="s">
        <v>11</v>
      </c>
      <c r="C58" s="28"/>
      <c r="D58" s="1"/>
      <c r="F58" s="2"/>
      <c r="G58" s="2"/>
      <c r="H58" s="2"/>
    </row>
    <row r="59" spans="2:11" ht="15" customHeight="1" x14ac:dyDescent="0.2">
      <c r="B59" s="2" t="s">
        <v>12</v>
      </c>
      <c r="C59" s="28"/>
      <c r="D59" s="1"/>
      <c r="F59" s="2"/>
      <c r="G59" s="2"/>
      <c r="H59" s="2"/>
    </row>
    <row r="60" spans="2:11" ht="39.950000000000003" customHeight="1" x14ac:dyDescent="0.2">
      <c r="E60" s="118"/>
      <c r="F60" s="118"/>
    </row>
    <row r="61" spans="2:11" ht="45" customHeight="1" x14ac:dyDescent="0.2">
      <c r="E61" s="86" t="s">
        <v>13</v>
      </c>
      <c r="F61" s="86"/>
      <c r="G61" s="29"/>
      <c r="H61" s="29"/>
    </row>
    <row r="62" spans="2:11" s="31" customFormat="1" x14ac:dyDescent="0.2">
      <c r="B62" s="87" t="s">
        <v>14</v>
      </c>
      <c r="C62" s="87"/>
      <c r="D62" s="30"/>
      <c r="E62" s="29"/>
      <c r="F62" s="1"/>
      <c r="G62" s="1"/>
      <c r="H62" s="1"/>
    </row>
    <row r="63" spans="2:11" s="31" customFormat="1" ht="12" customHeight="1" x14ac:dyDescent="0.2">
      <c r="B63" s="32"/>
      <c r="C63" s="33" t="s">
        <v>15</v>
      </c>
      <c r="D63" s="33"/>
      <c r="E63" s="34"/>
      <c r="F63" s="1"/>
      <c r="G63" s="1"/>
      <c r="H63" s="1"/>
      <c r="I63" s="29"/>
    </row>
  </sheetData>
  <mergeCells count="60">
    <mergeCell ref="B45:F45"/>
    <mergeCell ref="E60:F60"/>
    <mergeCell ref="E61:F61"/>
    <mergeCell ref="B62:C62"/>
    <mergeCell ref="B29:F29"/>
    <mergeCell ref="E30:F30"/>
    <mergeCell ref="B31:F31"/>
    <mergeCell ref="E32:F32"/>
    <mergeCell ref="B33:F33"/>
    <mergeCell ref="E34:F34"/>
    <mergeCell ref="B35:F35"/>
    <mergeCell ref="B53:C53"/>
    <mergeCell ref="D53:E53"/>
    <mergeCell ref="B54:C54"/>
    <mergeCell ref="D54:E54"/>
    <mergeCell ref="B55:C55"/>
    <mergeCell ref="D55:E55"/>
    <mergeCell ref="B43:F43"/>
    <mergeCell ref="E44:F44"/>
    <mergeCell ref="E26:F26"/>
    <mergeCell ref="B27:F27"/>
    <mergeCell ref="E28:F28"/>
    <mergeCell ref="B50:E50"/>
    <mergeCell ref="B52:C52"/>
    <mergeCell ref="D52:E52"/>
    <mergeCell ref="E36:F36"/>
    <mergeCell ref="B37:F37"/>
    <mergeCell ref="E38:F38"/>
    <mergeCell ref="B39:F39"/>
    <mergeCell ref="E46:F46"/>
    <mergeCell ref="B47:F47"/>
    <mergeCell ref="E48:F48"/>
    <mergeCell ref="E40:F40"/>
    <mergeCell ref="B41:F41"/>
    <mergeCell ref="E42:F42"/>
    <mergeCell ref="B25:F25"/>
    <mergeCell ref="E14:F14"/>
    <mergeCell ref="B15:F15"/>
    <mergeCell ref="E16:F16"/>
    <mergeCell ref="B17:F17"/>
    <mergeCell ref="E18:F18"/>
    <mergeCell ref="B19:F19"/>
    <mergeCell ref="E20:F20"/>
    <mergeCell ref="B21:F21"/>
    <mergeCell ref="E22:F22"/>
    <mergeCell ref="B23:F23"/>
    <mergeCell ref="E24:F24"/>
    <mergeCell ref="B13:F13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</mergeCells>
  <conditionalFormatting sqref="C58:C59">
    <cfRule type="containsBlanks" dxfId="65" priority="3">
      <formula>LEN(TRIM(C58))=0</formula>
    </cfRule>
  </conditionalFormatting>
  <conditionalFormatting sqref="D10 D12 D14 D16 D18 D20 D22 D24 D26 D28 D30 D32 D34 D36 D38 D40 D42 D44 D46 D48">
    <cfRule type="containsBlanks" dxfId="64" priority="1">
      <formula>LEN(TRIM(D10))=0</formula>
    </cfRule>
  </conditionalFormatting>
  <conditionalFormatting sqref="D52:E55">
    <cfRule type="containsBlanks" dxfId="63" priority="2">
      <formula>LEN(TRIM(D52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  <rowBreaks count="2" manualBreakCount="2">
    <brk id="16" min="1" max="5" man="1"/>
    <brk id="32" min="1" max="5" man="1"/>
  </rowBreaks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8FAFC1B-535F-42B2-A283-1D54DC02097A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409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60" customHeight="1" thickBot="1" x14ac:dyDescent="0.3">
      <c r="B8" s="110" t="s">
        <v>410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411</v>
      </c>
      <c r="C9" s="114"/>
      <c r="D9" s="114"/>
      <c r="E9" s="114"/>
      <c r="F9" s="115"/>
    </row>
    <row r="10" spans="2:12" s="9" customFormat="1" ht="51.75" thickBot="1" x14ac:dyDescent="0.3">
      <c r="B10" s="36" t="s">
        <v>18</v>
      </c>
      <c r="C10" s="35" t="s">
        <v>412</v>
      </c>
      <c r="D10" s="10"/>
      <c r="E10" s="123"/>
      <c r="F10" s="124"/>
    </row>
    <row r="11" spans="2:12" s="9" customFormat="1" ht="30" customHeight="1" thickBot="1" x14ac:dyDescent="0.3">
      <c r="B11" s="113" t="s">
        <v>413</v>
      </c>
      <c r="C11" s="114" t="s">
        <v>21</v>
      </c>
      <c r="D11" s="114"/>
      <c r="E11" s="114"/>
      <c r="F11" s="115"/>
    </row>
    <row r="12" spans="2:12" s="9" customFormat="1" ht="51.75" thickBot="1" x14ac:dyDescent="0.3">
      <c r="B12" s="37" t="s">
        <v>73</v>
      </c>
      <c r="C12" s="43" t="s">
        <v>414</v>
      </c>
      <c r="D12" s="44"/>
      <c r="E12" s="119"/>
      <c r="F12" s="120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92" t="s">
        <v>6</v>
      </c>
      <c r="C14" s="92"/>
      <c r="D14" s="92"/>
      <c r="E14" s="92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93" t="s">
        <v>7</v>
      </c>
      <c r="C16" s="93"/>
      <c r="D16" s="89"/>
      <c r="E16" s="89"/>
      <c r="H16" s="27"/>
    </row>
    <row r="17" spans="2:9" s="26" customFormat="1" ht="15" customHeight="1" x14ac:dyDescent="0.25">
      <c r="B17" s="88" t="s">
        <v>8</v>
      </c>
      <c r="C17" s="88"/>
      <c r="D17" s="89"/>
      <c r="E17" s="89"/>
    </row>
    <row r="18" spans="2:9" s="26" customFormat="1" ht="15" customHeight="1" x14ac:dyDescent="0.25">
      <c r="B18" s="88" t="s">
        <v>9</v>
      </c>
      <c r="C18" s="88"/>
      <c r="D18" s="89"/>
      <c r="E18" s="89"/>
    </row>
    <row r="19" spans="2:9" s="26" customFormat="1" ht="15" customHeight="1" x14ac:dyDescent="0.25">
      <c r="B19" s="88" t="s">
        <v>10</v>
      </c>
      <c r="C19" s="88"/>
      <c r="D19" s="89"/>
      <c r="E19" s="89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8"/>
      <c r="F24" s="118"/>
    </row>
    <row r="25" spans="2:9" ht="45" customHeight="1" x14ac:dyDescent="0.2">
      <c r="E25" s="86" t="s">
        <v>13</v>
      </c>
      <c r="F25" s="86"/>
      <c r="G25" s="29"/>
      <c r="H25" s="29"/>
    </row>
    <row r="26" spans="2:9" s="31" customFormat="1" x14ac:dyDescent="0.2">
      <c r="B26" s="87" t="s">
        <v>14</v>
      </c>
      <c r="C26" s="8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4:E14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  <mergeCell ref="B16:C16"/>
    <mergeCell ref="D16:E16"/>
    <mergeCell ref="B17:C17"/>
    <mergeCell ref="D17:E17"/>
    <mergeCell ref="B18:C18"/>
    <mergeCell ref="D18:E18"/>
    <mergeCell ref="B19:C19"/>
    <mergeCell ref="D19:E19"/>
    <mergeCell ref="E24:F24"/>
    <mergeCell ref="E25:F25"/>
    <mergeCell ref="B26:C26"/>
  </mergeCells>
  <conditionalFormatting sqref="D10">
    <cfRule type="containsBlanks" dxfId="62" priority="1">
      <formula>LEN(TRIM(D10))=0</formula>
    </cfRule>
  </conditionalFormatting>
  <conditionalFormatting sqref="D12 C22:C23">
    <cfRule type="containsBlanks" dxfId="61" priority="3">
      <formula>LEN(TRIM(C12))=0</formula>
    </cfRule>
  </conditionalFormatting>
  <conditionalFormatting sqref="D16:E19">
    <cfRule type="containsBlanks" dxfId="60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44EE24C-23E8-41DD-B9D2-4233C1246BED}">
  <sheetPr>
    <tabColor rgb="FFD3B5E9"/>
  </sheetPr>
  <dimension ref="B1:L37"/>
  <sheetViews>
    <sheetView showGridLines="0" topLeftCell="A2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415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44.25" customHeight="1" thickBot="1" x14ac:dyDescent="0.3">
      <c r="B8" s="110" t="s">
        <v>416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417</v>
      </c>
      <c r="C9" s="114"/>
      <c r="D9" s="114"/>
      <c r="E9" s="114"/>
      <c r="F9" s="115"/>
    </row>
    <row r="10" spans="2:12" s="9" customFormat="1" ht="82.5" customHeight="1" thickBot="1" x14ac:dyDescent="0.3">
      <c r="B10" s="46" t="s">
        <v>18</v>
      </c>
      <c r="C10" s="35" t="s">
        <v>418</v>
      </c>
      <c r="D10" s="56"/>
      <c r="E10" s="133"/>
      <c r="F10" s="134"/>
    </row>
    <row r="11" spans="2:12" s="9" customFormat="1" ht="28.5" customHeight="1" thickBot="1" x14ac:dyDescent="0.3">
      <c r="B11" s="113" t="s">
        <v>419</v>
      </c>
      <c r="C11" s="114"/>
      <c r="D11" s="114"/>
      <c r="E11" s="114"/>
      <c r="F11" s="115"/>
    </row>
    <row r="12" spans="2:12" s="9" customFormat="1" ht="71.25" customHeight="1" thickBot="1" x14ac:dyDescent="0.3">
      <c r="B12" s="46" t="s">
        <v>73</v>
      </c>
      <c r="C12" s="35" t="s">
        <v>420</v>
      </c>
      <c r="D12" s="57"/>
      <c r="E12" s="133"/>
      <c r="F12" s="134"/>
    </row>
    <row r="13" spans="2:12" s="9" customFormat="1" ht="28.5" customHeight="1" thickBot="1" x14ac:dyDescent="0.3">
      <c r="B13" s="113" t="s">
        <v>421</v>
      </c>
      <c r="C13" s="114"/>
      <c r="D13" s="114"/>
      <c r="E13" s="114"/>
      <c r="F13" s="115"/>
    </row>
    <row r="14" spans="2:12" s="9" customFormat="1" ht="57.75" customHeight="1" thickBot="1" x14ac:dyDescent="0.3">
      <c r="B14" s="46" t="s">
        <v>75</v>
      </c>
      <c r="C14" s="35" t="s">
        <v>422</v>
      </c>
      <c r="D14" s="57"/>
      <c r="E14" s="90"/>
      <c r="F14" s="91"/>
    </row>
    <row r="15" spans="2:12" s="9" customFormat="1" ht="28.5" customHeight="1" thickBot="1" x14ac:dyDescent="0.3">
      <c r="B15" s="113" t="s">
        <v>423</v>
      </c>
      <c r="C15" s="114"/>
      <c r="D15" s="114"/>
      <c r="E15" s="114"/>
      <c r="F15" s="115"/>
    </row>
    <row r="16" spans="2:12" s="9" customFormat="1" ht="74.25" customHeight="1" thickBot="1" x14ac:dyDescent="0.3">
      <c r="B16" s="36" t="s">
        <v>77</v>
      </c>
      <c r="C16" s="35" t="s">
        <v>424</v>
      </c>
      <c r="D16" s="57"/>
      <c r="E16" s="90"/>
      <c r="F16" s="91"/>
    </row>
    <row r="17" spans="2:11" s="9" customFormat="1" ht="28.5" customHeight="1" thickBot="1" x14ac:dyDescent="0.3">
      <c r="B17" s="113" t="s">
        <v>425</v>
      </c>
      <c r="C17" s="114"/>
      <c r="D17" s="114"/>
      <c r="E17" s="114"/>
      <c r="F17" s="115"/>
    </row>
    <row r="18" spans="2:11" s="9" customFormat="1" ht="69.75" customHeight="1" thickBot="1" x14ac:dyDescent="0.3">
      <c r="B18" s="46" t="s">
        <v>79</v>
      </c>
      <c r="C18" s="35" t="s">
        <v>426</v>
      </c>
      <c r="D18" s="56"/>
      <c r="E18" s="133"/>
      <c r="F18" s="134"/>
    </row>
    <row r="19" spans="2:11" s="9" customFormat="1" ht="28.5" customHeight="1" thickBot="1" x14ac:dyDescent="0.3">
      <c r="B19" s="113" t="s">
        <v>427</v>
      </c>
      <c r="C19" s="114"/>
      <c r="D19" s="114"/>
      <c r="E19" s="114"/>
      <c r="F19" s="115"/>
    </row>
    <row r="20" spans="2:11" s="9" customFormat="1" ht="60.75" customHeight="1" thickBot="1" x14ac:dyDescent="0.3">
      <c r="B20" s="36" t="s">
        <v>81</v>
      </c>
      <c r="C20" s="35" t="s">
        <v>428</v>
      </c>
      <c r="D20" s="11"/>
      <c r="E20" s="131"/>
      <c r="F20" s="132"/>
    </row>
    <row r="21" spans="2:11" s="9" customFormat="1" ht="28.5" customHeight="1" thickBot="1" x14ac:dyDescent="0.3">
      <c r="B21" s="113" t="s">
        <v>429</v>
      </c>
      <c r="C21" s="114"/>
      <c r="D21" s="114"/>
      <c r="E21" s="114"/>
      <c r="F21" s="115"/>
    </row>
    <row r="22" spans="2:11" s="9" customFormat="1" ht="72.75" customHeight="1" thickBot="1" x14ac:dyDescent="0.3">
      <c r="B22" s="42" t="s">
        <v>398</v>
      </c>
      <c r="C22" s="43" t="s">
        <v>430</v>
      </c>
      <c r="D22" s="44"/>
      <c r="E22" s="139"/>
      <c r="F22" s="140"/>
    </row>
    <row r="23" spans="2:11" s="9" customFormat="1" ht="12" customHeight="1" x14ac:dyDescent="0.25">
      <c r="B23" s="19"/>
      <c r="C23" s="20"/>
      <c r="D23" s="21"/>
      <c r="E23" s="22"/>
    </row>
    <row r="24" spans="2:11" s="24" customFormat="1" ht="20.100000000000001" customHeight="1" x14ac:dyDescent="0.25">
      <c r="B24" s="92" t="s">
        <v>6</v>
      </c>
      <c r="C24" s="92"/>
      <c r="D24" s="92"/>
      <c r="E24" s="92"/>
      <c r="F24" s="23"/>
      <c r="G24" s="23"/>
      <c r="H24" s="23"/>
      <c r="I24" s="23"/>
      <c r="J24" s="23"/>
      <c r="K24" s="23"/>
    </row>
    <row r="25" spans="2:11" s="24" customFormat="1" ht="20.100000000000001" customHeight="1" x14ac:dyDescent="0.25">
      <c r="B25" s="25"/>
      <c r="C25" s="25"/>
      <c r="D25" s="25"/>
      <c r="E25" s="25"/>
      <c r="F25" s="23"/>
      <c r="G25" s="23"/>
      <c r="H25" s="23"/>
      <c r="I25" s="23"/>
      <c r="J25" s="23"/>
      <c r="K25" s="23"/>
    </row>
    <row r="26" spans="2:11" s="26" customFormat="1" ht="30" customHeight="1" x14ac:dyDescent="0.25">
      <c r="B26" s="93" t="s">
        <v>7</v>
      </c>
      <c r="C26" s="93"/>
      <c r="D26" s="89"/>
      <c r="E26" s="89"/>
      <c r="H26" s="27"/>
    </row>
    <row r="27" spans="2:11" s="26" customFormat="1" ht="15" customHeight="1" x14ac:dyDescent="0.25">
      <c r="B27" s="88" t="s">
        <v>8</v>
      </c>
      <c r="C27" s="88"/>
      <c r="D27" s="89"/>
      <c r="E27" s="89"/>
    </row>
    <row r="28" spans="2:11" s="26" customFormat="1" ht="15" customHeight="1" x14ac:dyDescent="0.25">
      <c r="B28" s="88" t="s">
        <v>9</v>
      </c>
      <c r="C28" s="88"/>
      <c r="D28" s="89"/>
      <c r="E28" s="89"/>
    </row>
    <row r="29" spans="2:11" s="26" customFormat="1" ht="15" customHeight="1" x14ac:dyDescent="0.25">
      <c r="B29" s="88" t="s">
        <v>10</v>
      </c>
      <c r="C29" s="88"/>
      <c r="D29" s="89"/>
      <c r="E29" s="89"/>
    </row>
    <row r="32" spans="2:11" ht="15" customHeight="1" x14ac:dyDescent="0.2">
      <c r="B32" s="2" t="s">
        <v>11</v>
      </c>
      <c r="C32" s="28"/>
      <c r="D32" s="1"/>
      <c r="F32" s="2"/>
      <c r="G32" s="2"/>
      <c r="H32" s="2"/>
    </row>
    <row r="33" spans="2:9" ht="15" customHeight="1" x14ac:dyDescent="0.2">
      <c r="B33" s="2" t="s">
        <v>12</v>
      </c>
      <c r="C33" s="28"/>
      <c r="D33" s="1"/>
      <c r="F33" s="2"/>
      <c r="G33" s="2"/>
      <c r="H33" s="2"/>
    </row>
    <row r="34" spans="2:9" ht="39.950000000000003" customHeight="1" x14ac:dyDescent="0.2">
      <c r="E34" s="118"/>
      <c r="F34" s="118"/>
    </row>
    <row r="35" spans="2:9" ht="45" customHeight="1" x14ac:dyDescent="0.2">
      <c r="E35" s="86" t="s">
        <v>13</v>
      </c>
      <c r="F35" s="86"/>
      <c r="G35" s="29"/>
      <c r="H35" s="29"/>
    </row>
    <row r="36" spans="2:9" s="31" customFormat="1" x14ac:dyDescent="0.2">
      <c r="B36" s="87" t="s">
        <v>14</v>
      </c>
      <c r="C36" s="87"/>
      <c r="D36" s="30"/>
      <c r="E36" s="29"/>
      <c r="F36" s="1"/>
      <c r="G36" s="1"/>
      <c r="H36" s="1"/>
    </row>
    <row r="37" spans="2:9" s="31" customFormat="1" ht="12" customHeight="1" x14ac:dyDescent="0.2">
      <c r="B37" s="32"/>
      <c r="C37" s="33" t="s">
        <v>15</v>
      </c>
      <c r="D37" s="33"/>
      <c r="E37" s="34"/>
      <c r="F37" s="1"/>
      <c r="G37" s="1"/>
      <c r="H37" s="1"/>
      <c r="I37" s="29"/>
    </row>
  </sheetData>
  <mergeCells count="34">
    <mergeCell ref="B1:E1"/>
    <mergeCell ref="B2:E2"/>
    <mergeCell ref="B3:E3"/>
    <mergeCell ref="B5:E5"/>
    <mergeCell ref="B6:C7"/>
    <mergeCell ref="D6:F6"/>
    <mergeCell ref="E7:F7"/>
    <mergeCell ref="B19:F19"/>
    <mergeCell ref="B8:F8"/>
    <mergeCell ref="B9:F9"/>
    <mergeCell ref="E10:F10"/>
    <mergeCell ref="B11:F11"/>
    <mergeCell ref="E12:F12"/>
    <mergeCell ref="B13:F13"/>
    <mergeCell ref="E14:F14"/>
    <mergeCell ref="B15:F15"/>
    <mergeCell ref="E16:F16"/>
    <mergeCell ref="B17:F17"/>
    <mergeCell ref="E18:F18"/>
    <mergeCell ref="B24:E24"/>
    <mergeCell ref="B26:C26"/>
    <mergeCell ref="D26:E26"/>
    <mergeCell ref="E20:F20"/>
    <mergeCell ref="B21:F21"/>
    <mergeCell ref="E22:F22"/>
    <mergeCell ref="E34:F34"/>
    <mergeCell ref="E35:F35"/>
    <mergeCell ref="B36:C36"/>
    <mergeCell ref="B27:C27"/>
    <mergeCell ref="D27:E27"/>
    <mergeCell ref="B28:C28"/>
    <mergeCell ref="D28:E28"/>
    <mergeCell ref="B29:C29"/>
    <mergeCell ref="D29:E29"/>
  </mergeCells>
  <conditionalFormatting sqref="C32:C33">
    <cfRule type="containsBlanks" dxfId="59" priority="3">
      <formula>LEN(TRIM(C32))=0</formula>
    </cfRule>
  </conditionalFormatting>
  <conditionalFormatting sqref="D10 D12 D14 D16 D18 D20 D22">
    <cfRule type="containsBlanks" dxfId="58" priority="1">
      <formula>LEN(TRIM(D10))=0</formula>
    </cfRule>
  </conditionalFormatting>
  <conditionalFormatting sqref="D26:E29">
    <cfRule type="containsBlanks" dxfId="57" priority="2">
      <formula>LEN(TRIM(D26))=0</formula>
    </cfRule>
  </conditionalFormatting>
  <pageMargins left="0.98425196850393704" right="0.78740157480314965" top="0.98425196850393704" bottom="0.78740157480314965" header="0.31496062992125984" footer="0.31496062992125984"/>
  <pageSetup paperSize="9" scale="57" orientation="portrait" r:id="rId1"/>
  <headerFooter>
    <oddHeader>&amp;L&amp;"Arial,Tučné"&amp;10Príloha č. 5 SP&amp;"Arial,Normálne"
Špecifikácia predmetu zákazky</oddHeader>
  </headerFooter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200349D-EE41-423E-AD95-BA96FFAF24EB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431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1.5" customHeight="1" thickBot="1" x14ac:dyDescent="0.3">
      <c r="B8" s="110" t="s">
        <v>432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433</v>
      </c>
      <c r="C9" s="114"/>
      <c r="D9" s="114"/>
      <c r="E9" s="114"/>
      <c r="F9" s="115"/>
    </row>
    <row r="10" spans="2:12" s="9" customFormat="1" ht="102.75" thickBot="1" x14ac:dyDescent="0.3">
      <c r="B10" s="42" t="s">
        <v>18</v>
      </c>
      <c r="C10" s="43" t="s">
        <v>434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92" t="s">
        <v>6</v>
      </c>
      <c r="C12" s="92"/>
      <c r="D12" s="92"/>
      <c r="E12" s="92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8:F8"/>
    <mergeCell ref="B9:F9"/>
    <mergeCell ref="E10:F10"/>
    <mergeCell ref="B12:E12"/>
    <mergeCell ref="B1:E1"/>
    <mergeCell ref="B2:E2"/>
    <mergeCell ref="B3:E3"/>
    <mergeCell ref="B5:E5"/>
    <mergeCell ref="B6:C7"/>
    <mergeCell ref="D6:F6"/>
    <mergeCell ref="E7:F7"/>
    <mergeCell ref="B14:C14"/>
    <mergeCell ref="D14:E14"/>
    <mergeCell ref="B15:C15"/>
    <mergeCell ref="D15:E15"/>
    <mergeCell ref="B16:C16"/>
    <mergeCell ref="D16:E16"/>
    <mergeCell ref="B17:C17"/>
    <mergeCell ref="D17:E17"/>
    <mergeCell ref="E22:F22"/>
    <mergeCell ref="E23:F23"/>
    <mergeCell ref="B24:C24"/>
  </mergeCells>
  <conditionalFormatting sqref="C20:C21">
    <cfRule type="containsBlanks" dxfId="56" priority="3">
      <formula>LEN(TRIM(C20))=0</formula>
    </cfRule>
  </conditionalFormatting>
  <conditionalFormatting sqref="D10">
    <cfRule type="containsBlanks" dxfId="55" priority="1">
      <formula>LEN(TRIM(D10))=0</formula>
    </cfRule>
  </conditionalFormatting>
  <conditionalFormatting sqref="D14:E17">
    <cfRule type="containsBlanks" dxfId="54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5DF94CE-6356-4DD0-9142-B821B92224AB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435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1.5" customHeight="1" thickBot="1" x14ac:dyDescent="0.3">
      <c r="B8" s="110" t="s">
        <v>436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437</v>
      </c>
      <c r="C9" s="114"/>
      <c r="D9" s="114"/>
      <c r="E9" s="114"/>
      <c r="F9" s="115"/>
    </row>
    <row r="10" spans="2:12" s="9" customFormat="1" ht="69" customHeight="1" thickBot="1" x14ac:dyDescent="0.3">
      <c r="B10" s="42" t="s">
        <v>18</v>
      </c>
      <c r="C10" s="43" t="s">
        <v>438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92" t="s">
        <v>6</v>
      </c>
      <c r="C12" s="92"/>
      <c r="D12" s="92"/>
      <c r="E12" s="92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E12"/>
    <mergeCell ref="B14:C14"/>
    <mergeCell ref="D14:E14"/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</mergeCells>
  <conditionalFormatting sqref="C20:C21">
    <cfRule type="containsBlanks" dxfId="53" priority="3">
      <formula>LEN(TRIM(C20))=0</formula>
    </cfRule>
  </conditionalFormatting>
  <conditionalFormatting sqref="D10">
    <cfRule type="containsBlanks" dxfId="52" priority="1">
      <formula>LEN(TRIM(D10))=0</formula>
    </cfRule>
  </conditionalFormatting>
  <conditionalFormatting sqref="D14:E17">
    <cfRule type="containsBlanks" dxfId="51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B54ABB-52C1-47F8-8687-1356BBA307B4}">
  <sheetPr>
    <tabColor rgb="FFD3B5E9"/>
  </sheetPr>
  <dimension ref="B1:L36"/>
  <sheetViews>
    <sheetView showGridLines="0" topLeftCell="A2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439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28.5" customHeight="1" thickBot="1" x14ac:dyDescent="0.3">
      <c r="B8" s="113" t="s">
        <v>440</v>
      </c>
      <c r="C8" s="114"/>
      <c r="D8" s="114"/>
      <c r="E8" s="114"/>
      <c r="F8" s="115"/>
    </row>
    <row r="9" spans="2:12" s="9" customFormat="1" ht="44.25" customHeight="1" thickBot="1" x14ac:dyDescent="0.3">
      <c r="B9" s="46" t="s">
        <v>18</v>
      </c>
      <c r="C9" s="79" t="s">
        <v>441</v>
      </c>
      <c r="D9" s="56"/>
      <c r="E9" s="133"/>
      <c r="F9" s="134"/>
    </row>
    <row r="10" spans="2:12" s="9" customFormat="1" ht="28.5" customHeight="1" thickBot="1" x14ac:dyDescent="0.3">
      <c r="B10" s="113" t="s">
        <v>442</v>
      </c>
      <c r="C10" s="114"/>
      <c r="D10" s="114"/>
      <c r="E10" s="114"/>
      <c r="F10" s="115"/>
    </row>
    <row r="11" spans="2:12" s="9" customFormat="1" ht="50.25" customHeight="1" thickBot="1" x14ac:dyDescent="0.3">
      <c r="B11" s="46" t="s">
        <v>73</v>
      </c>
      <c r="C11" s="35" t="s">
        <v>443</v>
      </c>
      <c r="D11" s="57"/>
      <c r="E11" s="133"/>
      <c r="F11" s="134"/>
    </row>
    <row r="12" spans="2:12" s="9" customFormat="1" ht="28.5" customHeight="1" thickBot="1" x14ac:dyDescent="0.3">
      <c r="B12" s="113" t="s">
        <v>444</v>
      </c>
      <c r="C12" s="114"/>
      <c r="D12" s="114"/>
      <c r="E12" s="114"/>
      <c r="F12" s="115"/>
    </row>
    <row r="13" spans="2:12" s="9" customFormat="1" ht="48" customHeight="1" thickBot="1" x14ac:dyDescent="0.3">
      <c r="B13" s="46" t="s">
        <v>75</v>
      </c>
      <c r="C13" s="35" t="s">
        <v>445</v>
      </c>
      <c r="D13" s="57"/>
      <c r="E13" s="90"/>
      <c r="F13" s="91"/>
    </row>
    <row r="14" spans="2:12" s="9" customFormat="1" ht="28.5" customHeight="1" thickBot="1" x14ac:dyDescent="0.3">
      <c r="B14" s="113" t="s">
        <v>446</v>
      </c>
      <c r="C14" s="114"/>
      <c r="D14" s="114"/>
      <c r="E14" s="114"/>
      <c r="F14" s="115"/>
    </row>
    <row r="15" spans="2:12" s="9" customFormat="1" ht="56.25" customHeight="1" thickBot="1" x14ac:dyDescent="0.3">
      <c r="B15" s="36" t="s">
        <v>77</v>
      </c>
      <c r="C15" s="35" t="s">
        <v>447</v>
      </c>
      <c r="D15" s="57"/>
      <c r="E15" s="90"/>
      <c r="F15" s="91"/>
    </row>
    <row r="16" spans="2:12" s="9" customFormat="1" ht="28.5" customHeight="1" thickBot="1" x14ac:dyDescent="0.3">
      <c r="B16" s="113" t="s">
        <v>448</v>
      </c>
      <c r="C16" s="114"/>
      <c r="D16" s="114"/>
      <c r="E16" s="114"/>
      <c r="F16" s="115"/>
    </row>
    <row r="17" spans="2:11" s="9" customFormat="1" ht="30" customHeight="1" thickBot="1" x14ac:dyDescent="0.3">
      <c r="B17" s="46" t="s">
        <v>79</v>
      </c>
      <c r="C17" s="35" t="s">
        <v>449</v>
      </c>
      <c r="D17" s="56"/>
      <c r="E17" s="133"/>
      <c r="F17" s="134"/>
    </row>
    <row r="18" spans="2:11" s="9" customFormat="1" ht="28.5" customHeight="1" thickBot="1" x14ac:dyDescent="0.3">
      <c r="B18" s="113" t="s">
        <v>450</v>
      </c>
      <c r="C18" s="114"/>
      <c r="D18" s="114"/>
      <c r="E18" s="114"/>
      <c r="F18" s="115"/>
    </row>
    <row r="19" spans="2:11" s="9" customFormat="1" ht="30" customHeight="1" thickBot="1" x14ac:dyDescent="0.3">
      <c r="B19" s="36" t="s">
        <v>81</v>
      </c>
      <c r="C19" s="35" t="s">
        <v>451</v>
      </c>
      <c r="D19" s="11"/>
      <c r="E19" s="131"/>
      <c r="F19" s="132"/>
    </row>
    <row r="20" spans="2:11" s="9" customFormat="1" ht="28.5" customHeight="1" thickBot="1" x14ac:dyDescent="0.3">
      <c r="B20" s="113" t="s">
        <v>452</v>
      </c>
      <c r="C20" s="114"/>
      <c r="D20" s="114"/>
      <c r="E20" s="114"/>
      <c r="F20" s="115"/>
    </row>
    <row r="21" spans="2:11" s="9" customFormat="1" ht="72.75" customHeight="1" thickBot="1" x14ac:dyDescent="0.3">
      <c r="B21" s="42" t="s">
        <v>398</v>
      </c>
      <c r="C21" s="43" t="s">
        <v>453</v>
      </c>
      <c r="D21" s="44"/>
      <c r="E21" s="139"/>
      <c r="F21" s="140"/>
    </row>
    <row r="22" spans="2:11" s="9" customFormat="1" ht="12" customHeight="1" x14ac:dyDescent="0.25">
      <c r="B22" s="19"/>
      <c r="C22" s="20"/>
      <c r="D22" s="21"/>
      <c r="E22" s="22"/>
    </row>
    <row r="23" spans="2:11" s="24" customFormat="1" ht="20.100000000000001" customHeight="1" x14ac:dyDescent="0.25">
      <c r="B23" s="92" t="s">
        <v>6</v>
      </c>
      <c r="C23" s="92"/>
      <c r="D23" s="92"/>
      <c r="E23" s="92"/>
      <c r="F23" s="23"/>
      <c r="G23" s="23"/>
      <c r="H23" s="23"/>
      <c r="I23" s="23"/>
      <c r="J23" s="23"/>
      <c r="K23" s="23"/>
    </row>
    <row r="24" spans="2:11" s="24" customFormat="1" ht="20.100000000000001" customHeight="1" x14ac:dyDescent="0.25">
      <c r="B24" s="25"/>
      <c r="C24" s="25"/>
      <c r="D24" s="25"/>
      <c r="E24" s="25"/>
      <c r="F24" s="23"/>
      <c r="G24" s="23"/>
      <c r="H24" s="23"/>
      <c r="I24" s="23"/>
      <c r="J24" s="23"/>
      <c r="K24" s="23"/>
    </row>
    <row r="25" spans="2:11" s="26" customFormat="1" ht="30" customHeight="1" x14ac:dyDescent="0.25">
      <c r="B25" s="93" t="s">
        <v>7</v>
      </c>
      <c r="C25" s="93"/>
      <c r="D25" s="89"/>
      <c r="E25" s="89"/>
      <c r="H25" s="27"/>
    </row>
    <row r="26" spans="2:11" s="26" customFormat="1" ht="15" customHeight="1" x14ac:dyDescent="0.25">
      <c r="B26" s="88" t="s">
        <v>8</v>
      </c>
      <c r="C26" s="88"/>
      <c r="D26" s="89"/>
      <c r="E26" s="89"/>
    </row>
    <row r="27" spans="2:11" s="26" customFormat="1" ht="15" customHeight="1" x14ac:dyDescent="0.25">
      <c r="B27" s="88" t="s">
        <v>9</v>
      </c>
      <c r="C27" s="88"/>
      <c r="D27" s="89"/>
      <c r="E27" s="89"/>
    </row>
    <row r="28" spans="2:11" s="26" customFormat="1" ht="15" customHeight="1" x14ac:dyDescent="0.25">
      <c r="B28" s="88" t="s">
        <v>10</v>
      </c>
      <c r="C28" s="88"/>
      <c r="D28" s="89"/>
      <c r="E28" s="89"/>
    </row>
    <row r="31" spans="2:11" ht="15" customHeight="1" x14ac:dyDescent="0.2">
      <c r="B31" s="2" t="s">
        <v>11</v>
      </c>
      <c r="C31" s="28"/>
      <c r="D31" s="1"/>
      <c r="F31" s="2"/>
      <c r="G31" s="2"/>
      <c r="H31" s="2"/>
    </row>
    <row r="32" spans="2:11" ht="15" customHeight="1" x14ac:dyDescent="0.2">
      <c r="B32" s="2" t="s">
        <v>12</v>
      </c>
      <c r="C32" s="28"/>
      <c r="D32" s="1"/>
      <c r="F32" s="2"/>
      <c r="G32" s="2"/>
      <c r="H32" s="2"/>
    </row>
    <row r="33" spans="2:9" ht="39.950000000000003" customHeight="1" x14ac:dyDescent="0.2">
      <c r="E33" s="118"/>
      <c r="F33" s="118"/>
    </row>
    <row r="34" spans="2:9" ht="45" customHeight="1" x14ac:dyDescent="0.2">
      <c r="E34" s="86" t="s">
        <v>13</v>
      </c>
      <c r="F34" s="86"/>
      <c r="G34" s="29"/>
      <c r="H34" s="29"/>
    </row>
    <row r="35" spans="2:9" s="31" customFormat="1" x14ac:dyDescent="0.2">
      <c r="B35" s="87" t="s">
        <v>14</v>
      </c>
      <c r="C35" s="87"/>
      <c r="D35" s="30"/>
      <c r="E35" s="29"/>
      <c r="F35" s="1"/>
      <c r="G35" s="1"/>
      <c r="H35" s="1"/>
    </row>
    <row r="36" spans="2:9" s="31" customFormat="1" ht="12" customHeight="1" x14ac:dyDescent="0.2">
      <c r="B36" s="32"/>
      <c r="C36" s="33" t="s">
        <v>15</v>
      </c>
      <c r="D36" s="33"/>
      <c r="E36" s="34"/>
      <c r="F36" s="1"/>
      <c r="G36" s="1"/>
      <c r="H36" s="1"/>
      <c r="I36" s="29"/>
    </row>
  </sheetData>
  <mergeCells count="33">
    <mergeCell ref="B1:E1"/>
    <mergeCell ref="B2:E2"/>
    <mergeCell ref="B3:E3"/>
    <mergeCell ref="B5:E5"/>
    <mergeCell ref="B6:C7"/>
    <mergeCell ref="D6:F6"/>
    <mergeCell ref="E7:F7"/>
    <mergeCell ref="B18:F18"/>
    <mergeCell ref="B8:F8"/>
    <mergeCell ref="E9:F9"/>
    <mergeCell ref="B10:F10"/>
    <mergeCell ref="E11:F11"/>
    <mergeCell ref="B12:F12"/>
    <mergeCell ref="E13:F13"/>
    <mergeCell ref="B14:F14"/>
    <mergeCell ref="E15:F15"/>
    <mergeCell ref="B16:F16"/>
    <mergeCell ref="E17:F17"/>
    <mergeCell ref="E19:F19"/>
    <mergeCell ref="B20:F20"/>
    <mergeCell ref="E21:F21"/>
    <mergeCell ref="B23:E23"/>
    <mergeCell ref="B25:C25"/>
    <mergeCell ref="D25:E25"/>
    <mergeCell ref="E33:F33"/>
    <mergeCell ref="E34:F34"/>
    <mergeCell ref="B35:C35"/>
    <mergeCell ref="B26:C26"/>
    <mergeCell ref="D26:E26"/>
    <mergeCell ref="B27:C27"/>
    <mergeCell ref="D27:E27"/>
    <mergeCell ref="B28:C28"/>
    <mergeCell ref="D28:E28"/>
  </mergeCells>
  <conditionalFormatting sqref="C31:C32">
    <cfRule type="containsBlanks" dxfId="50" priority="3">
      <formula>LEN(TRIM(C31))=0</formula>
    </cfRule>
  </conditionalFormatting>
  <conditionalFormatting sqref="D9 D11 D13 D15 D17 D19 D21">
    <cfRule type="containsBlanks" dxfId="49" priority="1">
      <formula>LEN(TRIM(D9))=0</formula>
    </cfRule>
  </conditionalFormatting>
  <conditionalFormatting sqref="D25:E28">
    <cfRule type="containsBlanks" dxfId="48" priority="2">
      <formula>LEN(TRIM(D25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800A22-1343-40FA-9977-3830F7E35FEF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102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6" customHeight="1" thickBot="1" x14ac:dyDescent="0.3">
      <c r="B8" s="110" t="s">
        <v>103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104</v>
      </c>
      <c r="C9" s="114"/>
      <c r="D9" s="114"/>
      <c r="E9" s="114"/>
      <c r="F9" s="115"/>
    </row>
    <row r="10" spans="2:12" s="9" customFormat="1" ht="69" customHeight="1" thickBot="1" x14ac:dyDescent="0.3">
      <c r="B10" s="36" t="s">
        <v>18</v>
      </c>
      <c r="C10" s="35" t="s">
        <v>105</v>
      </c>
      <c r="D10" s="10"/>
      <c r="E10" s="116"/>
      <c r="F10" s="117"/>
    </row>
    <row r="11" spans="2:12" s="9" customFormat="1" ht="30" customHeight="1" thickBot="1" x14ac:dyDescent="0.3">
      <c r="B11" s="113" t="s">
        <v>106</v>
      </c>
      <c r="C11" s="114" t="s">
        <v>21</v>
      </c>
      <c r="D11" s="114"/>
      <c r="E11" s="114"/>
      <c r="F11" s="115"/>
    </row>
    <row r="12" spans="2:12" s="9" customFormat="1" ht="66.75" customHeight="1" thickBot="1" x14ac:dyDescent="0.3">
      <c r="B12" s="42" t="s">
        <v>73</v>
      </c>
      <c r="C12" s="43" t="s">
        <v>107</v>
      </c>
      <c r="D12" s="44"/>
      <c r="E12" s="121"/>
      <c r="F12" s="122"/>
    </row>
    <row r="13" spans="2:12" s="9" customFormat="1" ht="30" customHeight="1" thickBot="1" x14ac:dyDescent="0.3">
      <c r="B13" s="113" t="s">
        <v>108</v>
      </c>
      <c r="C13" s="114" t="s">
        <v>21</v>
      </c>
      <c r="D13" s="114"/>
      <c r="E13" s="114"/>
      <c r="F13" s="115"/>
    </row>
    <row r="14" spans="2:12" s="9" customFormat="1" ht="66.75" customHeight="1" thickBot="1" x14ac:dyDescent="0.3">
      <c r="B14" s="42" t="s">
        <v>75</v>
      </c>
      <c r="C14" s="45" t="s">
        <v>109</v>
      </c>
      <c r="D14" s="44"/>
      <c r="E14" s="121"/>
      <c r="F14" s="122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93" t="s">
        <v>7</v>
      </c>
      <c r="C16" s="93"/>
      <c r="D16" s="89"/>
      <c r="E16" s="89"/>
      <c r="H16" s="27"/>
    </row>
    <row r="17" spans="2:9" s="26" customFormat="1" ht="15" customHeight="1" x14ac:dyDescent="0.25">
      <c r="B17" s="88" t="s">
        <v>8</v>
      </c>
      <c r="C17" s="88"/>
      <c r="D17" s="89"/>
      <c r="E17" s="89"/>
    </row>
    <row r="18" spans="2:9" s="26" customFormat="1" ht="15" customHeight="1" x14ac:dyDescent="0.25">
      <c r="B18" s="88" t="s">
        <v>9</v>
      </c>
      <c r="C18" s="88"/>
      <c r="D18" s="89"/>
      <c r="E18" s="89"/>
    </row>
    <row r="19" spans="2:9" s="26" customFormat="1" ht="15" customHeight="1" x14ac:dyDescent="0.25">
      <c r="B19" s="88" t="s">
        <v>10</v>
      </c>
      <c r="C19" s="88"/>
      <c r="D19" s="89"/>
      <c r="E19" s="89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8"/>
      <c r="F24" s="118"/>
    </row>
    <row r="25" spans="2:9" ht="45" customHeight="1" x14ac:dyDescent="0.2">
      <c r="E25" s="86" t="s">
        <v>13</v>
      </c>
      <c r="F25" s="86"/>
      <c r="G25" s="29"/>
      <c r="H25" s="29"/>
    </row>
    <row r="26" spans="2:9" s="31" customFormat="1" x14ac:dyDescent="0.2">
      <c r="B26" s="87" t="s">
        <v>14</v>
      </c>
      <c r="C26" s="8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5">
    <mergeCell ref="B26:C26"/>
    <mergeCell ref="B13:F13"/>
    <mergeCell ref="E14:F14"/>
    <mergeCell ref="B18:C18"/>
    <mergeCell ref="D18:E18"/>
    <mergeCell ref="B19:C19"/>
    <mergeCell ref="D19:E19"/>
    <mergeCell ref="E24:F24"/>
    <mergeCell ref="E25:F25"/>
    <mergeCell ref="B16:C16"/>
    <mergeCell ref="D16:E16"/>
    <mergeCell ref="B17:C17"/>
    <mergeCell ref="D17:E17"/>
    <mergeCell ref="B8:F8"/>
    <mergeCell ref="B9:F9"/>
    <mergeCell ref="E10:F10"/>
    <mergeCell ref="B11:F11"/>
    <mergeCell ref="E12:F12"/>
    <mergeCell ref="B1:E1"/>
    <mergeCell ref="B2:E2"/>
    <mergeCell ref="B3:E3"/>
    <mergeCell ref="B5:E5"/>
    <mergeCell ref="B6:C7"/>
    <mergeCell ref="D6:F6"/>
    <mergeCell ref="E7:F7"/>
  </mergeCells>
  <conditionalFormatting sqref="C22:C23">
    <cfRule type="containsBlanks" dxfId="183" priority="4">
      <formula>LEN(TRIM(C22))=0</formula>
    </cfRule>
  </conditionalFormatting>
  <conditionalFormatting sqref="D10 D12">
    <cfRule type="containsBlanks" dxfId="182" priority="2">
      <formula>LEN(TRIM(D10))=0</formula>
    </cfRule>
  </conditionalFormatting>
  <conditionalFormatting sqref="D14">
    <cfRule type="containsBlanks" dxfId="181" priority="1">
      <formula>LEN(TRIM(D14))=0</formula>
    </cfRule>
  </conditionalFormatting>
  <conditionalFormatting sqref="D16:E19">
    <cfRule type="containsBlanks" dxfId="180" priority="3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3301FB0-FE38-4140-AB20-6F4D012BC23A}">
  <sheetPr>
    <tabColor rgb="FFD3B5E9"/>
  </sheetPr>
  <dimension ref="B1:L43"/>
  <sheetViews>
    <sheetView showGridLines="0" topLeftCell="A2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454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3.75" customHeight="1" thickBot="1" x14ac:dyDescent="0.3">
      <c r="B8" s="110" t="s">
        <v>455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456</v>
      </c>
      <c r="C9" s="114"/>
      <c r="D9" s="114"/>
      <c r="E9" s="114"/>
      <c r="F9" s="115"/>
    </row>
    <row r="10" spans="2:12" s="9" customFormat="1" ht="57" customHeight="1" thickBot="1" x14ac:dyDescent="0.3">
      <c r="B10" s="46" t="s">
        <v>18</v>
      </c>
      <c r="C10" s="79" t="s">
        <v>457</v>
      </c>
      <c r="D10" s="56"/>
      <c r="E10" s="133"/>
      <c r="F10" s="134"/>
    </row>
    <row r="11" spans="2:12" s="9" customFormat="1" ht="28.5" customHeight="1" thickBot="1" x14ac:dyDescent="0.3">
      <c r="B11" s="113" t="s">
        <v>458</v>
      </c>
      <c r="C11" s="114"/>
      <c r="D11" s="114"/>
      <c r="E11" s="114"/>
      <c r="F11" s="115"/>
    </row>
    <row r="12" spans="2:12" s="9" customFormat="1" ht="34.5" customHeight="1" thickBot="1" x14ac:dyDescent="0.3">
      <c r="B12" s="46" t="s">
        <v>73</v>
      </c>
      <c r="C12" s="35" t="s">
        <v>459</v>
      </c>
      <c r="D12" s="57"/>
      <c r="E12" s="133"/>
      <c r="F12" s="134"/>
    </row>
    <row r="13" spans="2:12" s="9" customFormat="1" ht="28.5" customHeight="1" thickBot="1" x14ac:dyDescent="0.3">
      <c r="B13" s="113" t="s">
        <v>460</v>
      </c>
      <c r="C13" s="114"/>
      <c r="D13" s="114"/>
      <c r="E13" s="114"/>
      <c r="F13" s="115"/>
    </row>
    <row r="14" spans="2:12" s="9" customFormat="1" ht="79.5" customHeight="1" thickBot="1" x14ac:dyDescent="0.3">
      <c r="B14" s="46" t="s">
        <v>75</v>
      </c>
      <c r="C14" s="35" t="s">
        <v>461</v>
      </c>
      <c r="D14" s="57"/>
      <c r="E14" s="90"/>
      <c r="F14" s="91"/>
    </row>
    <row r="15" spans="2:12" s="9" customFormat="1" ht="28.5" customHeight="1" thickBot="1" x14ac:dyDescent="0.3">
      <c r="B15" s="113" t="s">
        <v>462</v>
      </c>
      <c r="C15" s="114"/>
      <c r="D15" s="114"/>
      <c r="E15" s="114"/>
      <c r="F15" s="115"/>
    </row>
    <row r="16" spans="2:12" s="9" customFormat="1" ht="31.5" customHeight="1" thickBot="1" x14ac:dyDescent="0.3">
      <c r="B16" s="36" t="s">
        <v>77</v>
      </c>
      <c r="C16" s="35" t="s">
        <v>463</v>
      </c>
      <c r="D16" s="57"/>
      <c r="E16" s="90"/>
      <c r="F16" s="91"/>
    </row>
    <row r="17" spans="2:11" s="9" customFormat="1" ht="28.5" customHeight="1" thickBot="1" x14ac:dyDescent="0.3">
      <c r="B17" s="113" t="s">
        <v>464</v>
      </c>
      <c r="C17" s="114"/>
      <c r="D17" s="114"/>
      <c r="E17" s="114"/>
      <c r="F17" s="115"/>
    </row>
    <row r="18" spans="2:11" s="9" customFormat="1" ht="45.75" customHeight="1" thickBot="1" x14ac:dyDescent="0.3">
      <c r="B18" s="46" t="s">
        <v>79</v>
      </c>
      <c r="C18" s="35" t="s">
        <v>465</v>
      </c>
      <c r="D18" s="56"/>
      <c r="E18" s="133"/>
      <c r="F18" s="134"/>
    </row>
    <row r="19" spans="2:11" s="9" customFormat="1" ht="28.5" customHeight="1" thickBot="1" x14ac:dyDescent="0.3">
      <c r="B19" s="113" t="s">
        <v>466</v>
      </c>
      <c r="C19" s="114"/>
      <c r="D19" s="114"/>
      <c r="E19" s="114"/>
      <c r="F19" s="115"/>
    </row>
    <row r="20" spans="2:11" s="9" customFormat="1" ht="29.25" customHeight="1" thickBot="1" x14ac:dyDescent="0.3">
      <c r="B20" s="36" t="s">
        <v>81</v>
      </c>
      <c r="C20" s="35" t="s">
        <v>467</v>
      </c>
      <c r="D20" s="11"/>
      <c r="E20" s="131"/>
      <c r="F20" s="132"/>
    </row>
    <row r="21" spans="2:11" s="9" customFormat="1" ht="28.5" customHeight="1" thickBot="1" x14ac:dyDescent="0.3">
      <c r="B21" s="113" t="s">
        <v>468</v>
      </c>
      <c r="C21" s="114"/>
      <c r="D21" s="114"/>
      <c r="E21" s="114"/>
      <c r="F21" s="115"/>
    </row>
    <row r="22" spans="2:11" s="9" customFormat="1" ht="33" customHeight="1" thickBot="1" x14ac:dyDescent="0.3">
      <c r="B22" s="36" t="s">
        <v>398</v>
      </c>
      <c r="C22" s="75" t="s">
        <v>469</v>
      </c>
      <c r="D22" s="11"/>
      <c r="E22" s="131"/>
      <c r="F22" s="132"/>
    </row>
    <row r="23" spans="2:11" s="9" customFormat="1" ht="28.5" customHeight="1" thickBot="1" x14ac:dyDescent="0.3">
      <c r="B23" s="113" t="s">
        <v>470</v>
      </c>
      <c r="C23" s="114"/>
      <c r="D23" s="114"/>
      <c r="E23" s="114"/>
      <c r="F23" s="115"/>
    </row>
    <row r="24" spans="2:11" s="9" customFormat="1" ht="53.25" customHeight="1" thickBot="1" x14ac:dyDescent="0.3">
      <c r="B24" s="46" t="s">
        <v>401</v>
      </c>
      <c r="C24" s="75" t="s">
        <v>471</v>
      </c>
      <c r="D24" s="56"/>
      <c r="E24" s="133"/>
      <c r="F24" s="134"/>
    </row>
    <row r="25" spans="2:11" s="9" customFormat="1" ht="28.5" customHeight="1" thickBot="1" x14ac:dyDescent="0.3">
      <c r="B25" s="113" t="s">
        <v>472</v>
      </c>
      <c r="C25" s="114"/>
      <c r="D25" s="114"/>
      <c r="E25" s="114"/>
      <c r="F25" s="115"/>
    </row>
    <row r="26" spans="2:11" s="9" customFormat="1" ht="43.5" customHeight="1" x14ac:dyDescent="0.25">
      <c r="B26" s="36" t="s">
        <v>405</v>
      </c>
      <c r="C26" s="75" t="s">
        <v>473</v>
      </c>
      <c r="D26" s="76"/>
      <c r="E26" s="137"/>
      <c r="F26" s="138"/>
    </row>
    <row r="27" spans="2:11" s="9" customFormat="1" ht="28.5" customHeight="1" thickBot="1" x14ac:dyDescent="0.3">
      <c r="B27" s="141" t="s">
        <v>474</v>
      </c>
      <c r="C27" s="142"/>
      <c r="D27" s="142"/>
      <c r="E27" s="142"/>
      <c r="F27" s="143"/>
    </row>
    <row r="28" spans="2:11" s="9" customFormat="1" ht="30" customHeight="1" thickBot="1" x14ac:dyDescent="0.3">
      <c r="B28" s="80" t="s">
        <v>407</v>
      </c>
      <c r="C28" s="43" t="s">
        <v>475</v>
      </c>
      <c r="D28" s="44"/>
      <c r="E28" s="139"/>
      <c r="F28" s="140"/>
    </row>
    <row r="29" spans="2:11" s="9" customFormat="1" ht="12" customHeight="1" x14ac:dyDescent="0.25">
      <c r="B29" s="19"/>
      <c r="C29" s="20"/>
      <c r="D29" s="21"/>
      <c r="E29" s="22"/>
    </row>
    <row r="30" spans="2:11" s="24" customFormat="1" ht="20.100000000000001" customHeight="1" x14ac:dyDescent="0.25">
      <c r="B30" s="92" t="s">
        <v>6</v>
      </c>
      <c r="C30" s="92"/>
      <c r="D30" s="92"/>
      <c r="E30" s="92"/>
      <c r="F30" s="23"/>
      <c r="G30" s="23"/>
      <c r="H30" s="23"/>
      <c r="I30" s="23"/>
      <c r="J30" s="23"/>
      <c r="K30" s="23"/>
    </row>
    <row r="31" spans="2:11" s="24" customFormat="1" ht="20.100000000000001" customHeight="1" x14ac:dyDescent="0.25">
      <c r="B31" s="25"/>
      <c r="C31" s="25"/>
      <c r="D31" s="25"/>
      <c r="E31" s="25"/>
      <c r="F31" s="23"/>
      <c r="G31" s="23"/>
      <c r="H31" s="23"/>
      <c r="I31" s="23"/>
      <c r="J31" s="23"/>
      <c r="K31" s="23"/>
    </row>
    <row r="32" spans="2:11" s="26" customFormat="1" ht="30" customHeight="1" x14ac:dyDescent="0.25">
      <c r="B32" s="93" t="s">
        <v>7</v>
      </c>
      <c r="C32" s="93"/>
      <c r="D32" s="89"/>
      <c r="E32" s="89"/>
      <c r="H32" s="27"/>
    </row>
    <row r="33" spans="2:9" s="26" customFormat="1" ht="15" customHeight="1" x14ac:dyDescent="0.25">
      <c r="B33" s="88" t="s">
        <v>8</v>
      </c>
      <c r="C33" s="88"/>
      <c r="D33" s="89"/>
      <c r="E33" s="89"/>
    </row>
    <row r="34" spans="2:9" s="26" customFormat="1" ht="15" customHeight="1" x14ac:dyDescent="0.25">
      <c r="B34" s="88" t="s">
        <v>9</v>
      </c>
      <c r="C34" s="88"/>
      <c r="D34" s="89"/>
      <c r="E34" s="89"/>
    </row>
    <row r="35" spans="2:9" s="26" customFormat="1" ht="15" customHeight="1" x14ac:dyDescent="0.25">
      <c r="B35" s="88" t="s">
        <v>10</v>
      </c>
      <c r="C35" s="88"/>
      <c r="D35" s="89"/>
      <c r="E35" s="89"/>
    </row>
    <row r="38" spans="2:9" ht="15" customHeight="1" x14ac:dyDescent="0.2">
      <c r="B38" s="2" t="s">
        <v>11</v>
      </c>
      <c r="C38" s="28"/>
      <c r="D38" s="1"/>
      <c r="F38" s="2"/>
      <c r="G38" s="2"/>
      <c r="H38" s="2"/>
    </row>
    <row r="39" spans="2:9" ht="15" customHeight="1" x14ac:dyDescent="0.2">
      <c r="B39" s="2" t="s">
        <v>12</v>
      </c>
      <c r="C39" s="28"/>
      <c r="D39" s="1"/>
      <c r="F39" s="2"/>
      <c r="G39" s="2"/>
      <c r="H39" s="2"/>
    </row>
    <row r="40" spans="2:9" ht="39.950000000000003" customHeight="1" x14ac:dyDescent="0.2">
      <c r="E40" s="118"/>
      <c r="F40" s="118"/>
    </row>
    <row r="41" spans="2:9" ht="45" customHeight="1" x14ac:dyDescent="0.2">
      <c r="E41" s="86" t="s">
        <v>13</v>
      </c>
      <c r="F41" s="86"/>
      <c r="G41" s="29"/>
      <c r="H41" s="29"/>
    </row>
    <row r="42" spans="2:9" s="31" customFormat="1" x14ac:dyDescent="0.2">
      <c r="B42" s="87" t="s">
        <v>14</v>
      </c>
      <c r="C42" s="87"/>
      <c r="D42" s="30"/>
      <c r="E42" s="29"/>
      <c r="F42" s="1"/>
      <c r="G42" s="1"/>
      <c r="H42" s="1"/>
    </row>
    <row r="43" spans="2:9" s="31" customFormat="1" ht="12" customHeight="1" x14ac:dyDescent="0.2">
      <c r="B43" s="32"/>
      <c r="C43" s="33" t="s">
        <v>15</v>
      </c>
      <c r="D43" s="33"/>
      <c r="E43" s="34"/>
      <c r="F43" s="1"/>
      <c r="G43" s="1"/>
      <c r="H43" s="1"/>
      <c r="I43" s="29"/>
    </row>
  </sheetData>
  <mergeCells count="40">
    <mergeCell ref="B13:F13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  <mergeCell ref="B25:F25"/>
    <mergeCell ref="E14:F14"/>
    <mergeCell ref="B15:F15"/>
    <mergeCell ref="E16:F16"/>
    <mergeCell ref="B17:F17"/>
    <mergeCell ref="E18:F18"/>
    <mergeCell ref="B19:F19"/>
    <mergeCell ref="E20:F20"/>
    <mergeCell ref="B21:F21"/>
    <mergeCell ref="E22:F22"/>
    <mergeCell ref="B23:F23"/>
    <mergeCell ref="E24:F24"/>
    <mergeCell ref="E26:F26"/>
    <mergeCell ref="B27:F27"/>
    <mergeCell ref="E28:F28"/>
    <mergeCell ref="B30:E30"/>
    <mergeCell ref="B32:C32"/>
    <mergeCell ref="D32:E32"/>
    <mergeCell ref="E40:F40"/>
    <mergeCell ref="E41:F41"/>
    <mergeCell ref="B42:C42"/>
    <mergeCell ref="B33:C33"/>
    <mergeCell ref="D33:E33"/>
    <mergeCell ref="B34:C34"/>
    <mergeCell ref="D34:E34"/>
    <mergeCell ref="B35:C35"/>
    <mergeCell ref="D35:E35"/>
  </mergeCells>
  <conditionalFormatting sqref="C38:C39">
    <cfRule type="containsBlanks" dxfId="47" priority="3">
      <formula>LEN(TRIM(C38))=0</formula>
    </cfRule>
  </conditionalFormatting>
  <conditionalFormatting sqref="D10 D12 D14 D16 D18 D20 D22 D24 D26 D28">
    <cfRule type="containsBlanks" dxfId="46" priority="1">
      <formula>LEN(TRIM(D10))=0</formula>
    </cfRule>
  </conditionalFormatting>
  <conditionalFormatting sqref="D32:E35">
    <cfRule type="containsBlanks" dxfId="45" priority="2">
      <formula>LEN(TRIM(D32))=0</formula>
    </cfRule>
  </conditionalFormatting>
  <pageMargins left="0.98425196850393704" right="0.78740157480314965" top="0.98425196850393704" bottom="0.78740157480314965" header="0.31496062992125984" footer="0.31496062992125984"/>
  <pageSetup paperSize="9" scale="57" orientation="portrait" r:id="rId1"/>
  <headerFooter>
    <oddHeader>&amp;L&amp;"Arial,Tučné"&amp;10Príloha č. 5 SP&amp;"Arial,Normálne"
Špecifikácia predmetu zákazky</oddHeader>
  </headerFooter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70A8076-85EB-4FDB-AEAC-4430915F439D}">
  <sheetPr>
    <tabColor rgb="FFD3B5E9"/>
  </sheetPr>
  <dimension ref="B1:L33"/>
  <sheetViews>
    <sheetView showGridLines="0" topLeftCell="A2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476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45.75" customHeight="1" thickBot="1" x14ac:dyDescent="0.3">
      <c r="B8" s="110" t="s">
        <v>477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478</v>
      </c>
      <c r="C9" s="114"/>
      <c r="D9" s="114"/>
      <c r="E9" s="114"/>
      <c r="F9" s="115"/>
    </row>
    <row r="10" spans="2:12" s="9" customFormat="1" ht="45.75" customHeight="1" thickBot="1" x14ac:dyDescent="0.3">
      <c r="B10" s="46" t="s">
        <v>18</v>
      </c>
      <c r="C10" s="35" t="s">
        <v>479</v>
      </c>
      <c r="D10" s="56"/>
      <c r="E10" s="133"/>
      <c r="F10" s="134"/>
    </row>
    <row r="11" spans="2:12" s="9" customFormat="1" ht="28.5" customHeight="1" thickBot="1" x14ac:dyDescent="0.3">
      <c r="B11" s="113" t="s">
        <v>480</v>
      </c>
      <c r="C11" s="114"/>
      <c r="D11" s="114"/>
      <c r="E11" s="114"/>
      <c r="F11" s="115"/>
    </row>
    <row r="12" spans="2:12" s="9" customFormat="1" ht="43.5" customHeight="1" thickBot="1" x14ac:dyDescent="0.3">
      <c r="B12" s="46" t="s">
        <v>73</v>
      </c>
      <c r="C12" s="35" t="s">
        <v>481</v>
      </c>
      <c r="D12" s="57"/>
      <c r="E12" s="133"/>
      <c r="F12" s="134"/>
    </row>
    <row r="13" spans="2:12" s="9" customFormat="1" ht="28.5" customHeight="1" thickBot="1" x14ac:dyDescent="0.3">
      <c r="B13" s="113" t="s">
        <v>482</v>
      </c>
      <c r="C13" s="114"/>
      <c r="D13" s="114"/>
      <c r="E13" s="114"/>
      <c r="F13" s="115"/>
    </row>
    <row r="14" spans="2:12" s="9" customFormat="1" ht="42" customHeight="1" thickBot="1" x14ac:dyDescent="0.3">
      <c r="B14" s="46" t="s">
        <v>75</v>
      </c>
      <c r="C14" s="35" t="s">
        <v>483</v>
      </c>
      <c r="D14" s="57"/>
      <c r="E14" s="90"/>
      <c r="F14" s="91"/>
    </row>
    <row r="15" spans="2:12" s="9" customFormat="1" ht="28.5" customHeight="1" thickBot="1" x14ac:dyDescent="0.3">
      <c r="B15" s="113" t="s">
        <v>484</v>
      </c>
      <c r="C15" s="114"/>
      <c r="D15" s="114"/>
      <c r="E15" s="114"/>
      <c r="F15" s="115"/>
    </row>
    <row r="16" spans="2:12" s="9" customFormat="1" ht="60" customHeight="1" thickBot="1" x14ac:dyDescent="0.3">
      <c r="B16" s="36" t="s">
        <v>77</v>
      </c>
      <c r="C16" s="35" t="s">
        <v>485</v>
      </c>
      <c r="D16" s="57"/>
      <c r="E16" s="90"/>
      <c r="F16" s="91"/>
    </row>
    <row r="17" spans="2:11" s="9" customFormat="1" ht="28.5" customHeight="1" thickBot="1" x14ac:dyDescent="0.3">
      <c r="B17" s="113" t="s">
        <v>486</v>
      </c>
      <c r="C17" s="114"/>
      <c r="D17" s="114"/>
      <c r="E17" s="114"/>
      <c r="F17" s="115"/>
    </row>
    <row r="18" spans="2:11" s="9" customFormat="1" ht="54.75" customHeight="1" thickBot="1" x14ac:dyDescent="0.3">
      <c r="B18" s="42" t="s">
        <v>79</v>
      </c>
      <c r="C18" s="43" t="s">
        <v>487</v>
      </c>
      <c r="D18" s="44"/>
      <c r="E18" s="139"/>
      <c r="F18" s="140"/>
    </row>
    <row r="19" spans="2:11" s="9" customFormat="1" ht="12" customHeight="1" x14ac:dyDescent="0.25">
      <c r="B19" s="19"/>
      <c r="C19" s="20"/>
      <c r="D19" s="21"/>
      <c r="E19" s="22"/>
    </row>
    <row r="20" spans="2:11" s="24" customFormat="1" ht="20.100000000000001" customHeight="1" x14ac:dyDescent="0.25">
      <c r="B20" s="92" t="s">
        <v>6</v>
      </c>
      <c r="C20" s="92"/>
      <c r="D20" s="92"/>
      <c r="E20" s="92"/>
      <c r="F20" s="23"/>
      <c r="G20" s="23"/>
      <c r="H20" s="23"/>
      <c r="I20" s="23"/>
      <c r="J20" s="23"/>
      <c r="K20" s="23"/>
    </row>
    <row r="21" spans="2:11" s="24" customFormat="1" ht="20.100000000000001" customHeight="1" x14ac:dyDescent="0.25">
      <c r="B21" s="25"/>
      <c r="C21" s="25"/>
      <c r="D21" s="25"/>
      <c r="E21" s="25"/>
      <c r="F21" s="23"/>
      <c r="G21" s="23"/>
      <c r="H21" s="23"/>
      <c r="I21" s="23"/>
      <c r="J21" s="23"/>
      <c r="K21" s="23"/>
    </row>
    <row r="22" spans="2:11" s="26" customFormat="1" ht="30" customHeight="1" x14ac:dyDescent="0.25">
      <c r="B22" s="93" t="s">
        <v>7</v>
      </c>
      <c r="C22" s="93"/>
      <c r="D22" s="89"/>
      <c r="E22" s="89"/>
      <c r="H22" s="27"/>
    </row>
    <row r="23" spans="2:11" s="26" customFormat="1" ht="15" customHeight="1" x14ac:dyDescent="0.25">
      <c r="B23" s="88" t="s">
        <v>8</v>
      </c>
      <c r="C23" s="88"/>
      <c r="D23" s="89"/>
      <c r="E23" s="89"/>
    </row>
    <row r="24" spans="2:11" s="26" customFormat="1" ht="15" customHeight="1" x14ac:dyDescent="0.25">
      <c r="B24" s="88" t="s">
        <v>9</v>
      </c>
      <c r="C24" s="88"/>
      <c r="D24" s="89"/>
      <c r="E24" s="89"/>
    </row>
    <row r="25" spans="2:11" s="26" customFormat="1" ht="15" customHeight="1" x14ac:dyDescent="0.25">
      <c r="B25" s="88" t="s">
        <v>10</v>
      </c>
      <c r="C25" s="88"/>
      <c r="D25" s="89"/>
      <c r="E25" s="89"/>
    </row>
    <row r="28" spans="2:11" ht="15" customHeight="1" x14ac:dyDescent="0.2">
      <c r="B28" s="2" t="s">
        <v>11</v>
      </c>
      <c r="C28" s="28"/>
      <c r="D28" s="1"/>
      <c r="F28" s="2"/>
      <c r="G28" s="2"/>
      <c r="H28" s="2"/>
    </row>
    <row r="29" spans="2:11" ht="15" customHeight="1" x14ac:dyDescent="0.2">
      <c r="B29" s="2" t="s">
        <v>12</v>
      </c>
      <c r="C29" s="28"/>
      <c r="D29" s="1"/>
      <c r="F29" s="2"/>
      <c r="G29" s="2"/>
      <c r="H29" s="2"/>
    </row>
    <row r="30" spans="2:11" ht="39.950000000000003" customHeight="1" x14ac:dyDescent="0.2">
      <c r="E30" s="118"/>
      <c r="F30" s="118"/>
    </row>
    <row r="31" spans="2:11" ht="45" customHeight="1" x14ac:dyDescent="0.2">
      <c r="E31" s="86" t="s">
        <v>13</v>
      </c>
      <c r="F31" s="86"/>
      <c r="G31" s="29"/>
      <c r="H31" s="29"/>
    </row>
    <row r="32" spans="2:11" s="31" customFormat="1" x14ac:dyDescent="0.2">
      <c r="B32" s="87" t="s">
        <v>14</v>
      </c>
      <c r="C32" s="87"/>
      <c r="D32" s="30"/>
      <c r="E32" s="29"/>
      <c r="F32" s="1"/>
      <c r="G32" s="1"/>
      <c r="H32" s="1"/>
    </row>
    <row r="33" spans="2:9" s="31" customFormat="1" ht="12" customHeight="1" x14ac:dyDescent="0.2">
      <c r="B33" s="32"/>
      <c r="C33" s="33" t="s">
        <v>15</v>
      </c>
      <c r="D33" s="33"/>
      <c r="E33" s="34"/>
      <c r="F33" s="1"/>
      <c r="G33" s="1"/>
      <c r="H33" s="1"/>
      <c r="I33" s="29"/>
    </row>
  </sheetData>
  <mergeCells count="30">
    <mergeCell ref="E30:F30"/>
    <mergeCell ref="E31:F31"/>
    <mergeCell ref="B32:C32"/>
    <mergeCell ref="B23:C23"/>
    <mergeCell ref="D23:E23"/>
    <mergeCell ref="B24:C24"/>
    <mergeCell ref="D24:E24"/>
    <mergeCell ref="B25:C25"/>
    <mergeCell ref="D25:E25"/>
    <mergeCell ref="B20:E20"/>
    <mergeCell ref="B22:C22"/>
    <mergeCell ref="D22:E22"/>
    <mergeCell ref="E14:F14"/>
    <mergeCell ref="B15:F15"/>
    <mergeCell ref="E16:F16"/>
    <mergeCell ref="B17:F17"/>
    <mergeCell ref="E18:F18"/>
    <mergeCell ref="B13:F13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</mergeCells>
  <conditionalFormatting sqref="C28:C29">
    <cfRule type="containsBlanks" dxfId="44" priority="3">
      <formula>LEN(TRIM(C28))=0</formula>
    </cfRule>
  </conditionalFormatting>
  <conditionalFormatting sqref="D10 D12 D14 D16 D18">
    <cfRule type="containsBlanks" dxfId="43" priority="1">
      <formula>LEN(TRIM(D10))=0</formula>
    </cfRule>
  </conditionalFormatting>
  <conditionalFormatting sqref="D22:E25">
    <cfRule type="containsBlanks" dxfId="42" priority="2">
      <formula>LEN(TRIM(D22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BF48CD8-E69A-4554-946C-6452AA25C897}">
  <sheetPr>
    <tabColor rgb="FFD3B5E9"/>
  </sheetPr>
  <dimension ref="B1:L3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501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45.75" customHeight="1" thickBot="1" x14ac:dyDescent="0.3">
      <c r="B8" s="110" t="s">
        <v>488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489</v>
      </c>
      <c r="C9" s="114"/>
      <c r="D9" s="114"/>
      <c r="E9" s="114"/>
      <c r="F9" s="115"/>
    </row>
    <row r="10" spans="2:12" s="9" customFormat="1" ht="51.75" thickBot="1" x14ac:dyDescent="0.3">
      <c r="B10" s="46" t="s">
        <v>18</v>
      </c>
      <c r="C10" s="35" t="s">
        <v>490</v>
      </c>
      <c r="D10" s="56"/>
      <c r="E10" s="133"/>
      <c r="F10" s="134"/>
    </row>
    <row r="11" spans="2:12" s="9" customFormat="1" ht="28.5" customHeight="1" thickBot="1" x14ac:dyDescent="0.3">
      <c r="B11" s="113" t="s">
        <v>491</v>
      </c>
      <c r="C11" s="114"/>
      <c r="D11" s="114"/>
      <c r="E11" s="114"/>
      <c r="F11" s="115"/>
    </row>
    <row r="12" spans="2:12" s="9" customFormat="1" ht="54.75" customHeight="1" thickBot="1" x14ac:dyDescent="0.3">
      <c r="B12" s="46" t="s">
        <v>73</v>
      </c>
      <c r="C12" s="35" t="s">
        <v>492</v>
      </c>
      <c r="D12" s="57"/>
      <c r="E12" s="133"/>
      <c r="F12" s="134"/>
    </row>
    <row r="13" spans="2:12" s="9" customFormat="1" ht="28.5" customHeight="1" thickBot="1" x14ac:dyDescent="0.3">
      <c r="B13" s="113" t="s">
        <v>493</v>
      </c>
      <c r="C13" s="114"/>
      <c r="D13" s="114"/>
      <c r="E13" s="114"/>
      <c r="F13" s="115"/>
    </row>
    <row r="14" spans="2:12" s="9" customFormat="1" ht="90" thickBot="1" x14ac:dyDescent="0.3">
      <c r="B14" s="46" t="s">
        <v>75</v>
      </c>
      <c r="C14" s="35" t="s">
        <v>494</v>
      </c>
      <c r="D14" s="57"/>
      <c r="E14" s="90"/>
      <c r="F14" s="91"/>
    </row>
    <row r="15" spans="2:12" s="9" customFormat="1" ht="28.5" customHeight="1" thickBot="1" x14ac:dyDescent="0.3">
      <c r="B15" s="113" t="s">
        <v>495</v>
      </c>
      <c r="C15" s="114"/>
      <c r="D15" s="114"/>
      <c r="E15" s="114"/>
      <c r="F15" s="115"/>
    </row>
    <row r="16" spans="2:12" s="9" customFormat="1" ht="51" customHeight="1" thickBot="1" x14ac:dyDescent="0.3">
      <c r="B16" s="36" t="s">
        <v>77</v>
      </c>
      <c r="C16" s="35" t="s">
        <v>496</v>
      </c>
      <c r="D16" s="57"/>
      <c r="E16" s="90"/>
      <c r="F16" s="91"/>
    </row>
    <row r="17" spans="2:11" s="9" customFormat="1" ht="28.5" customHeight="1" thickBot="1" x14ac:dyDescent="0.3">
      <c r="B17" s="113" t="s">
        <v>497</v>
      </c>
      <c r="C17" s="114"/>
      <c r="D17" s="114"/>
      <c r="E17" s="114"/>
      <c r="F17" s="115"/>
    </row>
    <row r="18" spans="2:11" s="9" customFormat="1" ht="117" customHeight="1" thickBot="1" x14ac:dyDescent="0.3">
      <c r="B18" s="42" t="s">
        <v>79</v>
      </c>
      <c r="C18" s="35" t="s">
        <v>498</v>
      </c>
      <c r="D18" s="44"/>
      <c r="E18" s="139"/>
      <c r="F18" s="140"/>
    </row>
    <row r="19" spans="2:11" s="9" customFormat="1" ht="28.5" customHeight="1" thickBot="1" x14ac:dyDescent="0.3">
      <c r="B19" s="113" t="s">
        <v>499</v>
      </c>
      <c r="C19" s="114"/>
      <c r="D19" s="114"/>
      <c r="E19" s="114"/>
      <c r="F19" s="115"/>
    </row>
    <row r="20" spans="2:11" s="9" customFormat="1" ht="47.25" customHeight="1" thickBot="1" x14ac:dyDescent="0.3">
      <c r="B20" s="42" t="s">
        <v>81</v>
      </c>
      <c r="C20" s="43" t="s">
        <v>500</v>
      </c>
      <c r="D20" s="44"/>
      <c r="E20" s="139"/>
      <c r="F20" s="140"/>
    </row>
    <row r="21" spans="2:11" s="9" customFormat="1" ht="12" customHeight="1" x14ac:dyDescent="0.25">
      <c r="B21" s="19"/>
      <c r="C21" s="20"/>
      <c r="D21" s="21"/>
      <c r="E21" s="22"/>
    </row>
    <row r="22" spans="2:11" s="24" customFormat="1" ht="20.100000000000001" customHeight="1" x14ac:dyDescent="0.25">
      <c r="B22" s="92" t="s">
        <v>6</v>
      </c>
      <c r="C22" s="92"/>
      <c r="D22" s="92"/>
      <c r="E22" s="92"/>
      <c r="F22" s="23"/>
      <c r="G22" s="23"/>
      <c r="H22" s="23"/>
      <c r="I22" s="23"/>
      <c r="J22" s="23"/>
      <c r="K22" s="23"/>
    </row>
    <row r="23" spans="2:11" s="24" customFormat="1" ht="20.100000000000001" customHeight="1" x14ac:dyDescent="0.25">
      <c r="B23" s="25"/>
      <c r="C23" s="25"/>
      <c r="D23" s="25"/>
      <c r="E23" s="25"/>
      <c r="F23" s="23"/>
      <c r="G23" s="23"/>
      <c r="H23" s="23"/>
      <c r="I23" s="23"/>
      <c r="J23" s="23"/>
      <c r="K23" s="23"/>
    </row>
    <row r="24" spans="2:11" s="26" customFormat="1" ht="30" customHeight="1" x14ac:dyDescent="0.25">
      <c r="B24" s="93" t="s">
        <v>7</v>
      </c>
      <c r="C24" s="93"/>
      <c r="D24" s="89"/>
      <c r="E24" s="89"/>
      <c r="H24" s="27"/>
    </row>
    <row r="25" spans="2:11" s="26" customFormat="1" ht="15" customHeight="1" x14ac:dyDescent="0.25">
      <c r="B25" s="88" t="s">
        <v>8</v>
      </c>
      <c r="C25" s="88"/>
      <c r="D25" s="89"/>
      <c r="E25" s="89"/>
    </row>
    <row r="26" spans="2:11" s="26" customFormat="1" ht="15" customHeight="1" x14ac:dyDescent="0.25">
      <c r="B26" s="88" t="s">
        <v>9</v>
      </c>
      <c r="C26" s="88"/>
      <c r="D26" s="89"/>
      <c r="E26" s="89"/>
    </row>
    <row r="27" spans="2:11" s="26" customFormat="1" ht="15" customHeight="1" x14ac:dyDescent="0.25">
      <c r="B27" s="88" t="s">
        <v>10</v>
      </c>
      <c r="C27" s="88"/>
      <c r="D27" s="89"/>
      <c r="E27" s="89"/>
    </row>
    <row r="30" spans="2:11" ht="15" customHeight="1" x14ac:dyDescent="0.2">
      <c r="B30" s="2" t="s">
        <v>11</v>
      </c>
      <c r="C30" s="28"/>
      <c r="D30" s="1"/>
      <c r="F30" s="2"/>
      <c r="G30" s="2"/>
      <c r="H30" s="2"/>
    </row>
    <row r="31" spans="2:11" ht="15" customHeight="1" x14ac:dyDescent="0.2">
      <c r="B31" s="2" t="s">
        <v>12</v>
      </c>
      <c r="C31" s="28"/>
      <c r="D31" s="1"/>
      <c r="F31" s="2"/>
      <c r="G31" s="2"/>
      <c r="H31" s="2"/>
    </row>
    <row r="32" spans="2:11" ht="39.950000000000003" customHeight="1" x14ac:dyDescent="0.2">
      <c r="E32" s="118"/>
      <c r="F32" s="118"/>
    </row>
    <row r="33" spans="2:9" ht="45" customHeight="1" x14ac:dyDescent="0.2">
      <c r="E33" s="86" t="s">
        <v>13</v>
      </c>
      <c r="F33" s="86"/>
      <c r="G33" s="29"/>
      <c r="H33" s="29"/>
    </row>
    <row r="34" spans="2:9" s="31" customFormat="1" x14ac:dyDescent="0.2">
      <c r="B34" s="87" t="s">
        <v>14</v>
      </c>
      <c r="C34" s="87"/>
      <c r="D34" s="30"/>
      <c r="E34" s="29"/>
      <c r="F34" s="1"/>
      <c r="G34" s="1"/>
      <c r="H34" s="1"/>
    </row>
    <row r="35" spans="2:9" s="31" customFormat="1" ht="12" customHeight="1" x14ac:dyDescent="0.2">
      <c r="B35" s="32"/>
      <c r="C35" s="33" t="s">
        <v>15</v>
      </c>
      <c r="D35" s="33"/>
      <c r="E35" s="34"/>
      <c r="F35" s="1"/>
      <c r="G35" s="1"/>
      <c r="H35" s="1"/>
      <c r="I35" s="29"/>
    </row>
  </sheetData>
  <mergeCells count="32">
    <mergeCell ref="B27:C27"/>
    <mergeCell ref="D27:E27"/>
    <mergeCell ref="E32:F32"/>
    <mergeCell ref="E33:F33"/>
    <mergeCell ref="B34:C34"/>
    <mergeCell ref="B26:C26"/>
    <mergeCell ref="D26:E26"/>
    <mergeCell ref="E14:F14"/>
    <mergeCell ref="B15:F15"/>
    <mergeCell ref="E16:F16"/>
    <mergeCell ref="B17:F17"/>
    <mergeCell ref="E18:F18"/>
    <mergeCell ref="B22:E22"/>
    <mergeCell ref="B19:F19"/>
    <mergeCell ref="E20:F20"/>
    <mergeCell ref="B24:C24"/>
    <mergeCell ref="D24:E24"/>
    <mergeCell ref="B25:C25"/>
    <mergeCell ref="D25:E25"/>
    <mergeCell ref="B13:F13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</mergeCells>
  <conditionalFormatting sqref="C30:C31">
    <cfRule type="containsBlanks" dxfId="41" priority="3">
      <formula>LEN(TRIM(C30))=0</formula>
    </cfRule>
  </conditionalFormatting>
  <conditionalFormatting sqref="D10 D12 D14 D16 D18 D20">
    <cfRule type="containsBlanks" dxfId="40" priority="1">
      <formula>LEN(TRIM(D10))=0</formula>
    </cfRule>
  </conditionalFormatting>
  <conditionalFormatting sqref="D24:E27">
    <cfRule type="containsBlanks" dxfId="39" priority="2">
      <formula>LEN(TRIM(D2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  <rowBreaks count="1" manualBreakCount="1">
    <brk id="16" min="1" max="5" man="1"/>
  </rowBreaks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FCBA791-C798-4035-B290-C651F65A8243}">
  <sheetPr>
    <tabColor rgb="FFD3B5E9"/>
  </sheetPr>
  <dimension ref="B1:L64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502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43.5" customHeight="1" thickBot="1" x14ac:dyDescent="0.3">
      <c r="B8" s="110" t="s">
        <v>503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504</v>
      </c>
      <c r="C9" s="114"/>
      <c r="D9" s="114"/>
      <c r="E9" s="114"/>
      <c r="F9" s="115"/>
    </row>
    <row r="10" spans="2:12" s="9" customFormat="1" ht="30" customHeight="1" x14ac:dyDescent="0.25">
      <c r="B10" s="66" t="s">
        <v>18</v>
      </c>
      <c r="C10" s="41" t="s">
        <v>505</v>
      </c>
      <c r="D10" s="10"/>
      <c r="E10" s="123"/>
      <c r="F10" s="124"/>
    </row>
    <row r="11" spans="2:12" s="9" customFormat="1" ht="30" customHeight="1" x14ac:dyDescent="0.25">
      <c r="B11" s="66" t="s">
        <v>20</v>
      </c>
      <c r="C11" s="68" t="s">
        <v>506</v>
      </c>
      <c r="D11" s="65"/>
      <c r="E11" s="90"/>
      <c r="F11" s="91"/>
    </row>
    <row r="12" spans="2:12" s="9" customFormat="1" ht="30" customHeight="1" x14ac:dyDescent="0.25">
      <c r="B12" s="66" t="s">
        <v>22</v>
      </c>
      <c r="C12" s="68" t="s">
        <v>507</v>
      </c>
      <c r="D12" s="65"/>
      <c r="E12" s="90"/>
      <c r="F12" s="91"/>
    </row>
    <row r="13" spans="2:12" s="9" customFormat="1" ht="30" customHeight="1" x14ac:dyDescent="0.25">
      <c r="B13" s="66" t="s">
        <v>24</v>
      </c>
      <c r="C13" s="68" t="s">
        <v>508</v>
      </c>
      <c r="D13" s="65"/>
      <c r="E13" s="90"/>
      <c r="F13" s="91"/>
    </row>
    <row r="14" spans="2:12" s="9" customFormat="1" ht="30" customHeight="1" x14ac:dyDescent="0.25">
      <c r="B14" s="66" t="s">
        <v>25</v>
      </c>
      <c r="C14" s="68" t="s">
        <v>509</v>
      </c>
      <c r="D14" s="65"/>
      <c r="E14" s="90"/>
      <c r="F14" s="91"/>
    </row>
    <row r="15" spans="2:12" s="9" customFormat="1" ht="30" customHeight="1" x14ac:dyDescent="0.25">
      <c r="B15" s="67" t="s">
        <v>27</v>
      </c>
      <c r="C15" s="68" t="s">
        <v>510</v>
      </c>
      <c r="D15" s="65"/>
      <c r="E15" s="90"/>
      <c r="F15" s="91"/>
    </row>
    <row r="16" spans="2:12" s="9" customFormat="1" ht="30" customHeight="1" thickBot="1" x14ac:dyDescent="0.3">
      <c r="B16" s="67" t="s">
        <v>29</v>
      </c>
      <c r="C16" s="41" t="s">
        <v>511</v>
      </c>
      <c r="D16" s="65"/>
      <c r="E16" s="90"/>
      <c r="F16" s="91"/>
    </row>
    <row r="17" spans="2:6" s="9" customFormat="1" ht="30" customHeight="1" thickBot="1" x14ac:dyDescent="0.3">
      <c r="B17" s="69" t="s">
        <v>31</v>
      </c>
      <c r="C17" s="70" t="s">
        <v>512</v>
      </c>
      <c r="D17" s="44"/>
      <c r="E17" s="119"/>
      <c r="F17" s="120"/>
    </row>
    <row r="18" spans="2:6" s="9" customFormat="1" ht="28.5" customHeight="1" thickBot="1" x14ac:dyDescent="0.3">
      <c r="B18" s="113" t="s">
        <v>513</v>
      </c>
      <c r="C18" s="114"/>
      <c r="D18" s="114"/>
      <c r="E18" s="114"/>
      <c r="F18" s="115"/>
    </row>
    <row r="19" spans="2:6" s="9" customFormat="1" ht="30" customHeight="1" x14ac:dyDescent="0.25">
      <c r="B19" s="66" t="s">
        <v>73</v>
      </c>
      <c r="C19" s="41" t="s">
        <v>514</v>
      </c>
      <c r="D19" s="10"/>
      <c r="E19" s="123"/>
      <c r="F19" s="124"/>
    </row>
    <row r="20" spans="2:6" s="9" customFormat="1" ht="30" customHeight="1" x14ac:dyDescent="0.25">
      <c r="B20" s="66" t="s">
        <v>95</v>
      </c>
      <c r="C20" s="68" t="s">
        <v>515</v>
      </c>
      <c r="D20" s="65"/>
      <c r="E20" s="90"/>
      <c r="F20" s="91"/>
    </row>
    <row r="21" spans="2:6" s="9" customFormat="1" ht="30" customHeight="1" x14ac:dyDescent="0.25">
      <c r="B21" s="66" t="s">
        <v>306</v>
      </c>
      <c r="C21" s="68" t="s">
        <v>516</v>
      </c>
      <c r="D21" s="65"/>
      <c r="E21" s="90"/>
      <c r="F21" s="91"/>
    </row>
    <row r="22" spans="2:6" s="9" customFormat="1" ht="30" customHeight="1" thickBot="1" x14ac:dyDescent="0.3">
      <c r="B22" s="66" t="s">
        <v>308</v>
      </c>
      <c r="C22" s="68" t="s">
        <v>517</v>
      </c>
      <c r="D22" s="65"/>
      <c r="E22" s="90"/>
      <c r="F22" s="91"/>
    </row>
    <row r="23" spans="2:6" s="9" customFormat="1" ht="30" customHeight="1" thickBot="1" x14ac:dyDescent="0.3">
      <c r="B23" s="69" t="s">
        <v>518</v>
      </c>
      <c r="C23" s="70" t="s">
        <v>519</v>
      </c>
      <c r="D23" s="44"/>
      <c r="E23" s="119"/>
      <c r="F23" s="120"/>
    </row>
    <row r="24" spans="2:6" s="9" customFormat="1" ht="28.5" customHeight="1" thickBot="1" x14ac:dyDescent="0.3">
      <c r="B24" s="113" t="s">
        <v>520</v>
      </c>
      <c r="C24" s="114"/>
      <c r="D24" s="114"/>
      <c r="E24" s="114"/>
      <c r="F24" s="115"/>
    </row>
    <row r="25" spans="2:6" s="9" customFormat="1" ht="30" customHeight="1" x14ac:dyDescent="0.25">
      <c r="B25" s="67" t="s">
        <v>75</v>
      </c>
      <c r="C25" s="41" t="s">
        <v>521</v>
      </c>
      <c r="D25" s="10"/>
      <c r="E25" s="123"/>
      <c r="F25" s="124"/>
    </row>
    <row r="26" spans="2:6" s="9" customFormat="1" ht="30" customHeight="1" x14ac:dyDescent="0.25">
      <c r="B26" s="66" t="s">
        <v>312</v>
      </c>
      <c r="C26" s="68" t="s">
        <v>522</v>
      </c>
      <c r="D26" s="65"/>
      <c r="E26" s="90"/>
      <c r="F26" s="91"/>
    </row>
    <row r="27" spans="2:6" s="9" customFormat="1" ht="30" customHeight="1" x14ac:dyDescent="0.25">
      <c r="B27" s="66" t="s">
        <v>314</v>
      </c>
      <c r="C27" s="68" t="s">
        <v>523</v>
      </c>
      <c r="D27" s="65"/>
      <c r="E27" s="90"/>
      <c r="F27" s="91"/>
    </row>
    <row r="28" spans="2:6" s="9" customFormat="1" ht="30" customHeight="1" thickBot="1" x14ac:dyDescent="0.3">
      <c r="B28" s="66" t="s">
        <v>318</v>
      </c>
      <c r="C28" s="68" t="s">
        <v>524</v>
      </c>
      <c r="D28" s="65"/>
      <c r="E28" s="90"/>
      <c r="F28" s="91"/>
    </row>
    <row r="29" spans="2:6" s="9" customFormat="1" ht="30" customHeight="1" thickBot="1" x14ac:dyDescent="0.3">
      <c r="B29" s="69" t="s">
        <v>525</v>
      </c>
      <c r="C29" s="70" t="s">
        <v>526</v>
      </c>
      <c r="D29" s="44"/>
      <c r="E29" s="119"/>
      <c r="F29" s="120"/>
    </row>
    <row r="30" spans="2:6" s="9" customFormat="1" ht="28.5" customHeight="1" thickBot="1" x14ac:dyDescent="0.3">
      <c r="B30" s="113" t="s">
        <v>527</v>
      </c>
      <c r="C30" s="114"/>
      <c r="D30" s="114"/>
      <c r="E30" s="114"/>
      <c r="F30" s="115"/>
    </row>
    <row r="31" spans="2:6" s="9" customFormat="1" ht="30" customHeight="1" x14ac:dyDescent="0.25">
      <c r="B31" s="67" t="s">
        <v>77</v>
      </c>
      <c r="C31" s="41" t="s">
        <v>539</v>
      </c>
      <c r="D31" s="10"/>
      <c r="E31" s="123"/>
      <c r="F31" s="124"/>
    </row>
    <row r="32" spans="2:6" s="9" customFormat="1" ht="30" customHeight="1" x14ac:dyDescent="0.25">
      <c r="B32" s="66" t="s">
        <v>528</v>
      </c>
      <c r="C32" s="68" t="s">
        <v>540</v>
      </c>
      <c r="D32" s="65"/>
      <c r="E32" s="90"/>
      <c r="F32" s="91"/>
    </row>
    <row r="33" spans="2:6" s="9" customFormat="1" ht="30" customHeight="1" x14ac:dyDescent="0.25">
      <c r="B33" s="66" t="s">
        <v>529</v>
      </c>
      <c r="C33" s="68" t="s">
        <v>530</v>
      </c>
      <c r="D33" s="65"/>
      <c r="E33" s="12"/>
      <c r="F33" s="13"/>
    </row>
    <row r="34" spans="2:6" s="9" customFormat="1" ht="30" customHeight="1" x14ac:dyDescent="0.25">
      <c r="B34" s="66" t="s">
        <v>531</v>
      </c>
      <c r="C34" s="68" t="s">
        <v>532</v>
      </c>
      <c r="D34" s="65"/>
      <c r="E34" s="12"/>
      <c r="F34" s="13"/>
    </row>
    <row r="35" spans="2:6" s="9" customFormat="1" ht="30" customHeight="1" x14ac:dyDescent="0.25">
      <c r="B35" s="66" t="s">
        <v>533</v>
      </c>
      <c r="C35" s="68" t="s">
        <v>534</v>
      </c>
      <c r="D35" s="65"/>
      <c r="E35" s="90"/>
      <c r="F35" s="91"/>
    </row>
    <row r="36" spans="2:6" s="9" customFormat="1" ht="30" customHeight="1" thickBot="1" x14ac:dyDescent="0.3">
      <c r="B36" s="66" t="s">
        <v>535</v>
      </c>
      <c r="C36" s="68" t="s">
        <v>536</v>
      </c>
      <c r="D36" s="65"/>
      <c r="E36" s="90"/>
      <c r="F36" s="91"/>
    </row>
    <row r="37" spans="2:6" s="9" customFormat="1" ht="30" customHeight="1" thickBot="1" x14ac:dyDescent="0.3">
      <c r="B37" s="69" t="s">
        <v>537</v>
      </c>
      <c r="C37" s="70" t="s">
        <v>538</v>
      </c>
      <c r="D37" s="44"/>
      <c r="E37" s="119"/>
      <c r="F37" s="120"/>
    </row>
    <row r="38" spans="2:6" s="9" customFormat="1" ht="28.5" customHeight="1" thickBot="1" x14ac:dyDescent="0.3">
      <c r="B38" s="113" t="s">
        <v>541</v>
      </c>
      <c r="C38" s="114"/>
      <c r="D38" s="114"/>
      <c r="E38" s="114"/>
      <c r="F38" s="115"/>
    </row>
    <row r="39" spans="2:6" s="9" customFormat="1" ht="30" customHeight="1" x14ac:dyDescent="0.25">
      <c r="B39" s="67" t="s">
        <v>79</v>
      </c>
      <c r="C39" s="41" t="s">
        <v>542</v>
      </c>
      <c r="D39" s="10"/>
      <c r="E39" s="123"/>
      <c r="F39" s="124"/>
    </row>
    <row r="40" spans="2:6" s="9" customFormat="1" ht="30" customHeight="1" x14ac:dyDescent="0.25">
      <c r="B40" s="66" t="s">
        <v>326</v>
      </c>
      <c r="C40" s="68" t="s">
        <v>543</v>
      </c>
      <c r="D40" s="65"/>
      <c r="E40" s="90"/>
      <c r="F40" s="91"/>
    </row>
    <row r="41" spans="2:6" s="9" customFormat="1" ht="30" customHeight="1" thickBot="1" x14ac:dyDescent="0.3">
      <c r="B41" s="66" t="s">
        <v>328</v>
      </c>
      <c r="C41" s="68" t="s">
        <v>544</v>
      </c>
      <c r="D41" s="65"/>
      <c r="E41" s="12"/>
      <c r="F41" s="13"/>
    </row>
    <row r="42" spans="2:6" s="9" customFormat="1" ht="30" customHeight="1" thickBot="1" x14ac:dyDescent="0.3">
      <c r="B42" s="69" t="s">
        <v>330</v>
      </c>
      <c r="C42" s="70" t="s">
        <v>545</v>
      </c>
      <c r="D42" s="44"/>
      <c r="E42" s="119"/>
      <c r="F42" s="120"/>
    </row>
    <row r="43" spans="2:6" s="9" customFormat="1" ht="28.5" customHeight="1" thickBot="1" x14ac:dyDescent="0.3">
      <c r="B43" s="113" t="s">
        <v>546</v>
      </c>
      <c r="C43" s="114"/>
      <c r="D43" s="114"/>
      <c r="E43" s="114"/>
      <c r="F43" s="115"/>
    </row>
    <row r="44" spans="2:6" s="9" customFormat="1" ht="31.5" customHeight="1" x14ac:dyDescent="0.25">
      <c r="B44" s="67" t="s">
        <v>81</v>
      </c>
      <c r="C44" s="41" t="s">
        <v>547</v>
      </c>
      <c r="D44" s="10"/>
      <c r="E44" s="123"/>
      <c r="F44" s="124"/>
    </row>
    <row r="45" spans="2:6" s="9" customFormat="1" ht="34.5" customHeight="1" x14ac:dyDescent="0.25">
      <c r="B45" s="66" t="s">
        <v>548</v>
      </c>
      <c r="C45" s="68" t="s">
        <v>549</v>
      </c>
      <c r="D45" s="65"/>
      <c r="E45" s="90"/>
      <c r="F45" s="91"/>
    </row>
    <row r="46" spans="2:6" s="9" customFormat="1" ht="46.5" customHeight="1" x14ac:dyDescent="0.25">
      <c r="B46" s="66" t="s">
        <v>550</v>
      </c>
      <c r="C46" s="68" t="s">
        <v>551</v>
      </c>
      <c r="D46" s="65"/>
      <c r="E46" s="12"/>
      <c r="F46" s="13"/>
    </row>
    <row r="47" spans="2:6" s="9" customFormat="1" ht="30" customHeight="1" x14ac:dyDescent="0.25">
      <c r="B47" s="66" t="s">
        <v>552</v>
      </c>
      <c r="C47" s="68" t="s">
        <v>553</v>
      </c>
      <c r="D47" s="65"/>
      <c r="E47" s="12"/>
      <c r="F47" s="13"/>
    </row>
    <row r="48" spans="2:6" s="9" customFormat="1" ht="32.25" customHeight="1" thickBot="1" x14ac:dyDescent="0.3">
      <c r="B48" s="66" t="s">
        <v>554</v>
      </c>
      <c r="C48" s="68" t="s">
        <v>555</v>
      </c>
      <c r="D48" s="65"/>
      <c r="E48" s="12"/>
      <c r="F48" s="13"/>
    </row>
    <row r="49" spans="2:11" s="9" customFormat="1" ht="30" customHeight="1" thickBot="1" x14ac:dyDescent="0.3">
      <c r="B49" s="69" t="s">
        <v>556</v>
      </c>
      <c r="C49" s="70" t="s">
        <v>557</v>
      </c>
      <c r="D49" s="44"/>
      <c r="E49" s="119"/>
      <c r="F49" s="120"/>
    </row>
    <row r="50" spans="2:11" s="9" customFormat="1" ht="12" customHeight="1" x14ac:dyDescent="0.25">
      <c r="B50" s="19"/>
      <c r="C50" s="20"/>
      <c r="D50" s="21"/>
      <c r="E50" s="22"/>
    </row>
    <row r="51" spans="2:11" s="24" customFormat="1" ht="20.100000000000001" customHeight="1" x14ac:dyDescent="0.25">
      <c r="B51" s="92" t="s">
        <v>6</v>
      </c>
      <c r="C51" s="92"/>
      <c r="D51" s="92"/>
      <c r="E51" s="92"/>
      <c r="F51" s="23"/>
      <c r="G51" s="23"/>
      <c r="H51" s="23"/>
      <c r="I51" s="23"/>
      <c r="J51" s="23"/>
      <c r="K51" s="23"/>
    </row>
    <row r="52" spans="2:11" s="24" customFormat="1" ht="20.100000000000001" customHeight="1" x14ac:dyDescent="0.25">
      <c r="B52" s="25"/>
      <c r="C52" s="25"/>
      <c r="D52" s="25"/>
      <c r="E52" s="25"/>
      <c r="F52" s="23"/>
      <c r="G52" s="23"/>
      <c r="H52" s="23"/>
      <c r="I52" s="23"/>
      <c r="J52" s="23"/>
      <c r="K52" s="23"/>
    </row>
    <row r="53" spans="2:11" s="26" customFormat="1" ht="30" customHeight="1" x14ac:dyDescent="0.25">
      <c r="B53" s="93" t="s">
        <v>7</v>
      </c>
      <c r="C53" s="93"/>
      <c r="D53" s="89"/>
      <c r="E53" s="89"/>
      <c r="H53" s="27"/>
    </row>
    <row r="54" spans="2:11" s="26" customFormat="1" ht="15" customHeight="1" x14ac:dyDescent="0.25">
      <c r="B54" s="88" t="s">
        <v>8</v>
      </c>
      <c r="C54" s="88"/>
      <c r="D54" s="89"/>
      <c r="E54" s="89"/>
    </row>
    <row r="55" spans="2:11" s="26" customFormat="1" ht="15" customHeight="1" x14ac:dyDescent="0.25">
      <c r="B55" s="88" t="s">
        <v>9</v>
      </c>
      <c r="C55" s="88"/>
      <c r="D55" s="89"/>
      <c r="E55" s="89"/>
    </row>
    <row r="56" spans="2:11" s="26" customFormat="1" ht="15" customHeight="1" x14ac:dyDescent="0.25">
      <c r="B56" s="88" t="s">
        <v>10</v>
      </c>
      <c r="C56" s="88"/>
      <c r="D56" s="89"/>
      <c r="E56" s="89"/>
    </row>
    <row r="59" spans="2:11" ht="15" customHeight="1" x14ac:dyDescent="0.2">
      <c r="B59" s="2" t="s">
        <v>11</v>
      </c>
      <c r="C59" s="28"/>
      <c r="D59" s="1"/>
      <c r="F59" s="2"/>
      <c r="G59" s="2"/>
      <c r="H59" s="2"/>
    </row>
    <row r="60" spans="2:11" ht="15" customHeight="1" x14ac:dyDescent="0.2">
      <c r="B60" s="2" t="s">
        <v>12</v>
      </c>
      <c r="C60" s="28"/>
      <c r="D60" s="1"/>
      <c r="F60" s="2"/>
      <c r="G60" s="2"/>
      <c r="H60" s="2"/>
    </row>
    <row r="61" spans="2:11" ht="39.950000000000003" customHeight="1" x14ac:dyDescent="0.2">
      <c r="E61" s="118"/>
      <c r="F61" s="118"/>
    </row>
    <row r="62" spans="2:11" ht="45" customHeight="1" x14ac:dyDescent="0.2">
      <c r="E62" s="86" t="s">
        <v>13</v>
      </c>
      <c r="F62" s="86"/>
      <c r="G62" s="29"/>
      <c r="H62" s="29"/>
    </row>
    <row r="63" spans="2:11" s="31" customFormat="1" x14ac:dyDescent="0.2">
      <c r="B63" s="87" t="s">
        <v>14</v>
      </c>
      <c r="C63" s="87"/>
      <c r="D63" s="30"/>
      <c r="E63" s="29"/>
      <c r="F63" s="1"/>
      <c r="G63" s="1"/>
      <c r="H63" s="1"/>
    </row>
    <row r="64" spans="2:11" s="31" customFormat="1" ht="12" customHeight="1" x14ac:dyDescent="0.2">
      <c r="B64" s="32"/>
      <c r="C64" s="33" t="s">
        <v>15</v>
      </c>
      <c r="D64" s="33"/>
      <c r="E64" s="34"/>
      <c r="F64" s="1"/>
      <c r="G64" s="1"/>
      <c r="H64" s="1"/>
      <c r="I64" s="29"/>
    </row>
  </sheetData>
  <mergeCells count="55">
    <mergeCell ref="E61:F61"/>
    <mergeCell ref="E62:F62"/>
    <mergeCell ref="B38:F38"/>
    <mergeCell ref="E25:F25"/>
    <mergeCell ref="E26:F26"/>
    <mergeCell ref="E27:F27"/>
    <mergeCell ref="E28:F28"/>
    <mergeCell ref="E29:F29"/>
    <mergeCell ref="B30:F30"/>
    <mergeCell ref="E31:F31"/>
    <mergeCell ref="E32:F32"/>
    <mergeCell ref="E35:F35"/>
    <mergeCell ref="E36:F36"/>
    <mergeCell ref="E37:F37"/>
    <mergeCell ref="B43:F43"/>
    <mergeCell ref="E44:F44"/>
    <mergeCell ref="B63:C63"/>
    <mergeCell ref="E11:F11"/>
    <mergeCell ref="E12:F12"/>
    <mergeCell ref="E13:F13"/>
    <mergeCell ref="E14:F14"/>
    <mergeCell ref="E15:F15"/>
    <mergeCell ref="E16:F16"/>
    <mergeCell ref="B18:F18"/>
    <mergeCell ref="B54:C54"/>
    <mergeCell ref="D54:E54"/>
    <mergeCell ref="B55:C55"/>
    <mergeCell ref="D55:E55"/>
    <mergeCell ref="B56:C56"/>
    <mergeCell ref="D56:E56"/>
    <mergeCell ref="B53:C53"/>
    <mergeCell ref="D53:E53"/>
    <mergeCell ref="B8:F8"/>
    <mergeCell ref="B9:F9"/>
    <mergeCell ref="E10:F10"/>
    <mergeCell ref="E17:F17"/>
    <mergeCell ref="B51:E51"/>
    <mergeCell ref="E19:F19"/>
    <mergeCell ref="E20:F20"/>
    <mergeCell ref="E21:F21"/>
    <mergeCell ref="E22:F22"/>
    <mergeCell ref="E23:F23"/>
    <mergeCell ref="B24:F24"/>
    <mergeCell ref="E45:F45"/>
    <mergeCell ref="E49:F49"/>
    <mergeCell ref="E39:F39"/>
    <mergeCell ref="E40:F40"/>
    <mergeCell ref="E42:F42"/>
    <mergeCell ref="B1:E1"/>
    <mergeCell ref="B2:E2"/>
    <mergeCell ref="B3:E3"/>
    <mergeCell ref="B5:E5"/>
    <mergeCell ref="B6:C7"/>
    <mergeCell ref="D6:F6"/>
    <mergeCell ref="E7:F7"/>
  </mergeCells>
  <conditionalFormatting sqref="C59:C60">
    <cfRule type="containsBlanks" dxfId="38" priority="3">
      <formula>LEN(TRIM(C59))=0</formula>
    </cfRule>
  </conditionalFormatting>
  <conditionalFormatting sqref="D10:D17 D19:D23 D25:D29 D31:D37 D39:D42 D44:D49">
    <cfRule type="containsBlanks" dxfId="37" priority="1">
      <formula>LEN(TRIM(D10))=0</formula>
    </cfRule>
  </conditionalFormatting>
  <conditionalFormatting sqref="D53:E56">
    <cfRule type="containsBlanks" dxfId="36" priority="2">
      <formula>LEN(TRIM(D53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913934-2F97-4C84-AADE-45ECECDD313E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558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1.5" customHeight="1" thickBot="1" x14ac:dyDescent="0.3">
      <c r="B8" s="110" t="s">
        <v>559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560</v>
      </c>
      <c r="C9" s="114"/>
      <c r="D9" s="114"/>
      <c r="E9" s="114"/>
      <c r="F9" s="115"/>
    </row>
    <row r="10" spans="2:12" s="9" customFormat="1" ht="69" customHeight="1" thickBot="1" x14ac:dyDescent="0.3">
      <c r="B10" s="42" t="s">
        <v>18</v>
      </c>
      <c r="C10" s="35" t="s">
        <v>561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92" t="s">
        <v>6</v>
      </c>
      <c r="C12" s="92"/>
      <c r="D12" s="92"/>
      <c r="E12" s="92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35" priority="3">
      <formula>LEN(TRIM(C20))=0</formula>
    </cfRule>
  </conditionalFormatting>
  <conditionalFormatting sqref="D10">
    <cfRule type="containsBlanks" dxfId="34" priority="1">
      <formula>LEN(TRIM(D10))=0</formula>
    </cfRule>
  </conditionalFormatting>
  <conditionalFormatting sqref="D14:E17">
    <cfRule type="containsBlanks" dxfId="33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E53ECE9-8E9F-4AF3-8E9C-C2F60EBC7659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562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43.5" customHeight="1" thickBot="1" x14ac:dyDescent="0.3">
      <c r="B8" s="110" t="s">
        <v>563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564</v>
      </c>
      <c r="C9" s="114"/>
      <c r="D9" s="114"/>
      <c r="E9" s="114"/>
      <c r="F9" s="115"/>
    </row>
    <row r="10" spans="2:12" s="9" customFormat="1" ht="31.5" customHeight="1" x14ac:dyDescent="0.25">
      <c r="B10" s="66" t="s">
        <v>18</v>
      </c>
      <c r="C10" s="41" t="s">
        <v>565</v>
      </c>
      <c r="D10" s="10"/>
      <c r="E10" s="123"/>
      <c r="F10" s="124"/>
    </row>
    <row r="11" spans="2:12" s="9" customFormat="1" ht="30.75" customHeight="1" thickBot="1" x14ac:dyDescent="0.3">
      <c r="B11" s="66" t="s">
        <v>20</v>
      </c>
      <c r="C11" s="68" t="s">
        <v>566</v>
      </c>
      <c r="D11" s="65"/>
      <c r="E11" s="90"/>
      <c r="F11" s="91"/>
    </row>
    <row r="12" spans="2:12" s="9" customFormat="1" ht="44.25" customHeight="1" thickBot="1" x14ac:dyDescent="0.3">
      <c r="B12" s="69" t="s">
        <v>22</v>
      </c>
      <c r="C12" s="70" t="s">
        <v>567</v>
      </c>
      <c r="D12" s="44"/>
      <c r="E12" s="119"/>
      <c r="F12" s="120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92" t="s">
        <v>6</v>
      </c>
      <c r="C14" s="92"/>
      <c r="D14" s="92"/>
      <c r="E14" s="92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93" t="s">
        <v>7</v>
      </c>
      <c r="C16" s="93"/>
      <c r="D16" s="89"/>
      <c r="E16" s="89"/>
      <c r="H16" s="27"/>
    </row>
    <row r="17" spans="2:9" s="26" customFormat="1" ht="15" customHeight="1" x14ac:dyDescent="0.25">
      <c r="B17" s="88" t="s">
        <v>8</v>
      </c>
      <c r="C17" s="88"/>
      <c r="D17" s="89"/>
      <c r="E17" s="89"/>
    </row>
    <row r="18" spans="2:9" s="26" customFormat="1" ht="15" customHeight="1" x14ac:dyDescent="0.25">
      <c r="B18" s="88" t="s">
        <v>9</v>
      </c>
      <c r="C18" s="88"/>
      <c r="D18" s="89"/>
      <c r="E18" s="89"/>
    </row>
    <row r="19" spans="2:9" s="26" customFormat="1" ht="15" customHeight="1" x14ac:dyDescent="0.25">
      <c r="B19" s="88" t="s">
        <v>10</v>
      </c>
      <c r="C19" s="88"/>
      <c r="D19" s="89"/>
      <c r="E19" s="89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8"/>
      <c r="F24" s="118"/>
    </row>
    <row r="25" spans="2:9" ht="45" customHeight="1" x14ac:dyDescent="0.2">
      <c r="E25" s="86" t="s">
        <v>13</v>
      </c>
      <c r="F25" s="86"/>
      <c r="G25" s="29"/>
      <c r="H25" s="29"/>
    </row>
    <row r="26" spans="2:9" s="31" customFormat="1" x14ac:dyDescent="0.2">
      <c r="B26" s="87" t="s">
        <v>14</v>
      </c>
      <c r="C26" s="8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9:C19"/>
    <mergeCell ref="D19:E19"/>
    <mergeCell ref="E24:F24"/>
    <mergeCell ref="E25:F25"/>
    <mergeCell ref="B26:C26"/>
    <mergeCell ref="B18:C18"/>
    <mergeCell ref="D18:E18"/>
    <mergeCell ref="B8:F8"/>
    <mergeCell ref="B9:F9"/>
    <mergeCell ref="E10:F10"/>
    <mergeCell ref="E11:F11"/>
    <mergeCell ref="E12:F12"/>
    <mergeCell ref="B14:E14"/>
    <mergeCell ref="B16:C16"/>
    <mergeCell ref="D16:E16"/>
    <mergeCell ref="B17:C17"/>
    <mergeCell ref="D17:E17"/>
    <mergeCell ref="B1:E1"/>
    <mergeCell ref="B2:E2"/>
    <mergeCell ref="B3:E3"/>
    <mergeCell ref="B5:E5"/>
    <mergeCell ref="B6:C7"/>
    <mergeCell ref="D6:F6"/>
    <mergeCell ref="E7:F7"/>
  </mergeCells>
  <conditionalFormatting sqref="C22:C23">
    <cfRule type="containsBlanks" dxfId="32" priority="3">
      <formula>LEN(TRIM(C22))=0</formula>
    </cfRule>
  </conditionalFormatting>
  <conditionalFormatting sqref="D10:D12">
    <cfRule type="containsBlanks" dxfId="31" priority="1">
      <formula>LEN(TRIM(D10))=0</formula>
    </cfRule>
  </conditionalFormatting>
  <conditionalFormatting sqref="D16:E19">
    <cfRule type="containsBlanks" dxfId="30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8EF601A-43D5-45A7-8FB7-D6E818545885}">
  <sheetPr>
    <tabColor rgb="FFD3B5E9"/>
  </sheetPr>
  <dimension ref="B1:L26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568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43.5" customHeight="1" thickBot="1" x14ac:dyDescent="0.3">
      <c r="B8" s="110" t="s">
        <v>569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570</v>
      </c>
      <c r="C9" s="114"/>
      <c r="D9" s="114"/>
      <c r="E9" s="114"/>
      <c r="F9" s="115"/>
    </row>
    <row r="10" spans="2:12" s="9" customFormat="1" ht="53.25" customHeight="1" thickBot="1" x14ac:dyDescent="0.3">
      <c r="B10" s="66" t="s">
        <v>18</v>
      </c>
      <c r="C10" s="41" t="s">
        <v>572</v>
      </c>
      <c r="D10" s="10"/>
      <c r="E10" s="123"/>
      <c r="F10" s="124"/>
    </row>
    <row r="11" spans="2:12" s="9" customFormat="1" ht="57" customHeight="1" thickBot="1" x14ac:dyDescent="0.3">
      <c r="B11" s="69" t="s">
        <v>20</v>
      </c>
      <c r="C11" s="70" t="s">
        <v>571</v>
      </c>
      <c r="D11" s="44"/>
      <c r="E11" s="119"/>
      <c r="F11" s="120"/>
    </row>
    <row r="12" spans="2:12" s="9" customFormat="1" ht="12" customHeight="1" x14ac:dyDescent="0.25">
      <c r="B12" s="19"/>
      <c r="C12" s="20"/>
      <c r="D12" s="21"/>
      <c r="E12" s="22"/>
    </row>
    <row r="13" spans="2:12" s="24" customFormat="1" ht="20.100000000000001" customHeight="1" x14ac:dyDescent="0.25">
      <c r="B13" s="92" t="s">
        <v>6</v>
      </c>
      <c r="C13" s="92"/>
      <c r="D13" s="92"/>
      <c r="E13" s="92"/>
      <c r="F13" s="23"/>
      <c r="G13" s="23"/>
      <c r="H13" s="23"/>
      <c r="I13" s="23"/>
      <c r="J13" s="23"/>
      <c r="K13" s="23"/>
    </row>
    <row r="14" spans="2:12" s="24" customFormat="1" ht="20.100000000000001" customHeight="1" x14ac:dyDescent="0.25">
      <c r="B14" s="25"/>
      <c r="C14" s="25"/>
      <c r="D14" s="25"/>
      <c r="E14" s="25"/>
      <c r="F14" s="23"/>
      <c r="G14" s="23"/>
      <c r="H14" s="23"/>
      <c r="I14" s="23"/>
      <c r="J14" s="23"/>
      <c r="K14" s="23"/>
    </row>
    <row r="15" spans="2:12" s="26" customFormat="1" ht="30" customHeight="1" x14ac:dyDescent="0.25">
      <c r="B15" s="93" t="s">
        <v>7</v>
      </c>
      <c r="C15" s="93"/>
      <c r="D15" s="89"/>
      <c r="E15" s="89"/>
      <c r="H15" s="27"/>
    </row>
    <row r="16" spans="2:12" s="26" customFormat="1" ht="15" customHeight="1" x14ac:dyDescent="0.25">
      <c r="B16" s="88" t="s">
        <v>8</v>
      </c>
      <c r="C16" s="88"/>
      <c r="D16" s="89"/>
      <c r="E16" s="89"/>
    </row>
    <row r="17" spans="2:9" s="26" customFormat="1" ht="15" customHeight="1" x14ac:dyDescent="0.25">
      <c r="B17" s="88" t="s">
        <v>9</v>
      </c>
      <c r="C17" s="88"/>
      <c r="D17" s="89"/>
      <c r="E17" s="89"/>
    </row>
    <row r="18" spans="2:9" s="26" customFormat="1" ht="15" customHeight="1" x14ac:dyDescent="0.25">
      <c r="B18" s="88" t="s">
        <v>10</v>
      </c>
      <c r="C18" s="88"/>
      <c r="D18" s="89"/>
      <c r="E18" s="89"/>
    </row>
    <row r="21" spans="2:9" ht="15" customHeight="1" x14ac:dyDescent="0.2">
      <c r="B21" s="2" t="s">
        <v>11</v>
      </c>
      <c r="C21" s="28"/>
      <c r="D21" s="1"/>
      <c r="F21" s="2"/>
      <c r="G21" s="2"/>
      <c r="H21" s="2"/>
    </row>
    <row r="22" spans="2:9" ht="15" customHeight="1" x14ac:dyDescent="0.2">
      <c r="B22" s="2" t="s">
        <v>12</v>
      </c>
      <c r="C22" s="28"/>
      <c r="D22" s="1"/>
      <c r="F22" s="2"/>
      <c r="G22" s="2"/>
      <c r="H22" s="2"/>
    </row>
    <row r="23" spans="2:9" ht="39.950000000000003" customHeight="1" x14ac:dyDescent="0.2">
      <c r="E23" s="118"/>
      <c r="F23" s="118"/>
    </row>
    <row r="24" spans="2:9" ht="45" customHeight="1" x14ac:dyDescent="0.2">
      <c r="E24" s="86" t="s">
        <v>13</v>
      </c>
      <c r="F24" s="86"/>
      <c r="G24" s="29"/>
      <c r="H24" s="29"/>
    </row>
    <row r="25" spans="2:9" s="31" customFormat="1" x14ac:dyDescent="0.2">
      <c r="B25" s="87" t="s">
        <v>14</v>
      </c>
      <c r="C25" s="87"/>
      <c r="D25" s="30"/>
      <c r="E25" s="29"/>
      <c r="F25" s="1"/>
      <c r="G25" s="1"/>
      <c r="H25" s="1"/>
    </row>
    <row r="26" spans="2:9" s="31" customFormat="1" ht="12" customHeight="1" x14ac:dyDescent="0.2">
      <c r="B26" s="32"/>
      <c r="C26" s="33" t="s">
        <v>15</v>
      </c>
      <c r="D26" s="33"/>
      <c r="E26" s="34"/>
      <c r="F26" s="1"/>
      <c r="G26" s="1"/>
      <c r="H26" s="1"/>
      <c r="I26" s="29"/>
    </row>
  </sheetData>
  <mergeCells count="23">
    <mergeCell ref="B18:C18"/>
    <mergeCell ref="D18:E18"/>
    <mergeCell ref="E23:F23"/>
    <mergeCell ref="E24:F24"/>
    <mergeCell ref="B25:C25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E11:F11"/>
    <mergeCell ref="B13:E13"/>
    <mergeCell ref="B1:E1"/>
    <mergeCell ref="B2:E2"/>
    <mergeCell ref="B3:E3"/>
    <mergeCell ref="B5:E5"/>
    <mergeCell ref="B6:C7"/>
    <mergeCell ref="D6:F6"/>
    <mergeCell ref="E7:F7"/>
  </mergeCells>
  <conditionalFormatting sqref="C21:C22">
    <cfRule type="containsBlanks" dxfId="29" priority="3">
      <formula>LEN(TRIM(C21))=0</formula>
    </cfRule>
  </conditionalFormatting>
  <conditionalFormatting sqref="D10:D11">
    <cfRule type="containsBlanks" dxfId="28" priority="1">
      <formula>LEN(TRIM(D10))=0</formula>
    </cfRule>
  </conditionalFormatting>
  <conditionalFormatting sqref="D15:E18">
    <cfRule type="containsBlanks" dxfId="27" priority="2">
      <formula>LEN(TRIM(D15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24CA9F-98D1-4715-9CAF-4CD13C329BFD}">
  <sheetPr>
    <tabColor rgb="FFD3B5E9"/>
  </sheetPr>
  <dimension ref="B1:L26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573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43.5" customHeight="1" thickBot="1" x14ac:dyDescent="0.3">
      <c r="B8" s="110" t="s">
        <v>574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575</v>
      </c>
      <c r="C9" s="114"/>
      <c r="D9" s="114"/>
      <c r="E9" s="114"/>
      <c r="F9" s="115"/>
    </row>
    <row r="10" spans="2:12" s="9" customFormat="1" ht="30" customHeight="1" thickBot="1" x14ac:dyDescent="0.3">
      <c r="B10" s="66" t="s">
        <v>18</v>
      </c>
      <c r="C10" s="41" t="s">
        <v>576</v>
      </c>
      <c r="D10" s="10"/>
      <c r="E10" s="123"/>
      <c r="F10" s="124"/>
    </row>
    <row r="11" spans="2:12" s="9" customFormat="1" ht="30" customHeight="1" thickBot="1" x14ac:dyDescent="0.3">
      <c r="B11" s="69" t="s">
        <v>20</v>
      </c>
      <c r="C11" s="70" t="s">
        <v>577</v>
      </c>
      <c r="D11" s="44"/>
      <c r="E11" s="119"/>
      <c r="F11" s="120"/>
    </row>
    <row r="12" spans="2:12" s="9" customFormat="1" ht="12" customHeight="1" x14ac:dyDescent="0.25">
      <c r="B12" s="19"/>
      <c r="C12" s="20"/>
      <c r="D12" s="21"/>
      <c r="E12" s="22"/>
    </row>
    <row r="13" spans="2:12" s="24" customFormat="1" ht="20.100000000000001" customHeight="1" x14ac:dyDescent="0.25">
      <c r="B13" s="92" t="s">
        <v>6</v>
      </c>
      <c r="C13" s="92"/>
      <c r="D13" s="92"/>
      <c r="E13" s="92"/>
      <c r="F13" s="23"/>
      <c r="G13" s="23"/>
      <c r="H13" s="23"/>
      <c r="I13" s="23"/>
      <c r="J13" s="23"/>
      <c r="K13" s="23"/>
    </row>
    <row r="14" spans="2:12" s="24" customFormat="1" ht="20.100000000000001" customHeight="1" x14ac:dyDescent="0.25">
      <c r="B14" s="25"/>
      <c r="C14" s="25"/>
      <c r="D14" s="25"/>
      <c r="E14" s="25"/>
      <c r="F14" s="23"/>
      <c r="G14" s="23"/>
      <c r="H14" s="23"/>
      <c r="I14" s="23"/>
      <c r="J14" s="23"/>
      <c r="K14" s="23"/>
    </row>
    <row r="15" spans="2:12" s="26" customFormat="1" ht="30" customHeight="1" x14ac:dyDescent="0.25">
      <c r="B15" s="93" t="s">
        <v>7</v>
      </c>
      <c r="C15" s="93"/>
      <c r="D15" s="89"/>
      <c r="E15" s="89"/>
      <c r="H15" s="27"/>
    </row>
    <row r="16" spans="2:12" s="26" customFormat="1" ht="15" customHeight="1" x14ac:dyDescent="0.25">
      <c r="B16" s="88" t="s">
        <v>8</v>
      </c>
      <c r="C16" s="88"/>
      <c r="D16" s="89"/>
      <c r="E16" s="89"/>
    </row>
    <row r="17" spans="2:9" s="26" customFormat="1" ht="15" customHeight="1" x14ac:dyDescent="0.25">
      <c r="B17" s="88" t="s">
        <v>9</v>
      </c>
      <c r="C17" s="88"/>
      <c r="D17" s="89"/>
      <c r="E17" s="89"/>
    </row>
    <row r="18" spans="2:9" s="26" customFormat="1" ht="15" customHeight="1" x14ac:dyDescent="0.25">
      <c r="B18" s="88" t="s">
        <v>10</v>
      </c>
      <c r="C18" s="88"/>
      <c r="D18" s="89"/>
      <c r="E18" s="89"/>
    </row>
    <row r="21" spans="2:9" ht="15" customHeight="1" x14ac:dyDescent="0.2">
      <c r="B21" s="2" t="s">
        <v>11</v>
      </c>
      <c r="C21" s="28"/>
      <c r="D21" s="1"/>
      <c r="F21" s="2"/>
      <c r="G21" s="2"/>
      <c r="H21" s="2"/>
    </row>
    <row r="22" spans="2:9" ht="15" customHeight="1" x14ac:dyDescent="0.2">
      <c r="B22" s="2" t="s">
        <v>12</v>
      </c>
      <c r="C22" s="28"/>
      <c r="D22" s="1"/>
      <c r="F22" s="2"/>
      <c r="G22" s="2"/>
      <c r="H22" s="2"/>
    </row>
    <row r="23" spans="2:9" ht="39.950000000000003" customHeight="1" x14ac:dyDescent="0.2">
      <c r="E23" s="118"/>
      <c r="F23" s="118"/>
    </row>
    <row r="24" spans="2:9" ht="45" customHeight="1" x14ac:dyDescent="0.2">
      <c r="E24" s="86" t="s">
        <v>13</v>
      </c>
      <c r="F24" s="86"/>
      <c r="G24" s="29"/>
      <c r="H24" s="29"/>
    </row>
    <row r="25" spans="2:9" s="31" customFormat="1" x14ac:dyDescent="0.2">
      <c r="B25" s="87" t="s">
        <v>14</v>
      </c>
      <c r="C25" s="87"/>
      <c r="D25" s="30"/>
      <c r="E25" s="29"/>
      <c r="F25" s="1"/>
      <c r="G25" s="1"/>
      <c r="H25" s="1"/>
    </row>
    <row r="26" spans="2:9" s="31" customFormat="1" ht="12" customHeight="1" x14ac:dyDescent="0.2">
      <c r="B26" s="32"/>
      <c r="C26" s="33" t="s">
        <v>15</v>
      </c>
      <c r="D26" s="33"/>
      <c r="E26" s="34"/>
      <c r="F26" s="1"/>
      <c r="G26" s="1"/>
      <c r="H26" s="1"/>
      <c r="I26" s="29"/>
    </row>
  </sheetData>
  <mergeCells count="23">
    <mergeCell ref="E23:F23"/>
    <mergeCell ref="E24:F24"/>
    <mergeCell ref="B25:C25"/>
    <mergeCell ref="B16:C16"/>
    <mergeCell ref="D16:E16"/>
    <mergeCell ref="B17:C17"/>
    <mergeCell ref="D17:E17"/>
    <mergeCell ref="B18:C18"/>
    <mergeCell ref="D18:E18"/>
    <mergeCell ref="B15:C15"/>
    <mergeCell ref="D15:E15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1:F11"/>
    <mergeCell ref="B13:E13"/>
  </mergeCells>
  <conditionalFormatting sqref="C21:C22">
    <cfRule type="containsBlanks" dxfId="26" priority="3">
      <formula>LEN(TRIM(C21))=0</formula>
    </cfRule>
  </conditionalFormatting>
  <conditionalFormatting sqref="D10:D11">
    <cfRule type="containsBlanks" dxfId="25" priority="1">
      <formula>LEN(TRIM(D10))=0</formula>
    </cfRule>
  </conditionalFormatting>
  <conditionalFormatting sqref="D15:E18">
    <cfRule type="containsBlanks" dxfId="24" priority="2">
      <formula>LEN(TRIM(D15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8027E87-0799-4694-B0FB-D4589D9FB989}">
  <sheetPr>
    <tabColor rgb="FFD3B5E9"/>
  </sheetPr>
  <dimension ref="B1:L26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578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43.5" customHeight="1" thickBot="1" x14ac:dyDescent="0.3">
      <c r="B8" s="110" t="s">
        <v>579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580</v>
      </c>
      <c r="C9" s="114"/>
      <c r="D9" s="114"/>
      <c r="E9" s="114"/>
      <c r="F9" s="115"/>
    </row>
    <row r="10" spans="2:12" s="9" customFormat="1" ht="39" thickBot="1" x14ac:dyDescent="0.3">
      <c r="B10" s="66" t="s">
        <v>18</v>
      </c>
      <c r="C10" s="41" t="s">
        <v>581</v>
      </c>
      <c r="D10" s="10"/>
      <c r="E10" s="123"/>
      <c r="F10" s="124"/>
    </row>
    <row r="11" spans="2:12" s="9" customFormat="1" ht="30" customHeight="1" thickBot="1" x14ac:dyDescent="0.3">
      <c r="B11" s="69" t="s">
        <v>20</v>
      </c>
      <c r="C11" s="70" t="s">
        <v>582</v>
      </c>
      <c r="D11" s="44"/>
      <c r="E11" s="119"/>
      <c r="F11" s="120"/>
    </row>
    <row r="12" spans="2:12" s="9" customFormat="1" ht="12" customHeight="1" x14ac:dyDescent="0.25">
      <c r="B12" s="19"/>
      <c r="C12" s="20"/>
      <c r="D12" s="21"/>
      <c r="E12" s="22"/>
    </row>
    <row r="13" spans="2:12" s="24" customFormat="1" ht="20.100000000000001" customHeight="1" x14ac:dyDescent="0.25">
      <c r="B13" s="92" t="s">
        <v>6</v>
      </c>
      <c r="C13" s="92"/>
      <c r="D13" s="92"/>
      <c r="E13" s="92"/>
      <c r="F13" s="23"/>
      <c r="G13" s="23"/>
      <c r="H13" s="23"/>
      <c r="I13" s="23"/>
      <c r="J13" s="23"/>
      <c r="K13" s="23"/>
    </row>
    <row r="14" spans="2:12" s="24" customFormat="1" ht="20.100000000000001" customHeight="1" x14ac:dyDescent="0.25">
      <c r="B14" s="25"/>
      <c r="C14" s="25"/>
      <c r="D14" s="25"/>
      <c r="E14" s="25"/>
      <c r="F14" s="23"/>
      <c r="G14" s="23"/>
      <c r="H14" s="23"/>
      <c r="I14" s="23"/>
      <c r="J14" s="23"/>
      <c r="K14" s="23"/>
    </row>
    <row r="15" spans="2:12" s="26" customFormat="1" ht="30" customHeight="1" x14ac:dyDescent="0.25">
      <c r="B15" s="93" t="s">
        <v>7</v>
      </c>
      <c r="C15" s="93"/>
      <c r="D15" s="89"/>
      <c r="E15" s="89"/>
      <c r="H15" s="27"/>
    </row>
    <row r="16" spans="2:12" s="26" customFormat="1" ht="15" customHeight="1" x14ac:dyDescent="0.25">
      <c r="B16" s="88" t="s">
        <v>8</v>
      </c>
      <c r="C16" s="88"/>
      <c r="D16" s="89"/>
      <c r="E16" s="89"/>
    </row>
    <row r="17" spans="2:9" s="26" customFormat="1" ht="15" customHeight="1" x14ac:dyDescent="0.25">
      <c r="B17" s="88" t="s">
        <v>9</v>
      </c>
      <c r="C17" s="88"/>
      <c r="D17" s="89"/>
      <c r="E17" s="89"/>
    </row>
    <row r="18" spans="2:9" s="26" customFormat="1" ht="15" customHeight="1" x14ac:dyDescent="0.25">
      <c r="B18" s="88" t="s">
        <v>10</v>
      </c>
      <c r="C18" s="88"/>
      <c r="D18" s="89"/>
      <c r="E18" s="89"/>
    </row>
    <row r="21" spans="2:9" ht="15" customHeight="1" x14ac:dyDescent="0.2">
      <c r="B21" s="2" t="s">
        <v>11</v>
      </c>
      <c r="C21" s="28"/>
      <c r="D21" s="1"/>
      <c r="F21" s="2"/>
      <c r="G21" s="2"/>
      <c r="H21" s="2"/>
    </row>
    <row r="22" spans="2:9" ht="15" customHeight="1" x14ac:dyDescent="0.2">
      <c r="B22" s="2" t="s">
        <v>12</v>
      </c>
      <c r="C22" s="28"/>
      <c r="D22" s="1"/>
      <c r="F22" s="2"/>
      <c r="G22" s="2"/>
      <c r="H22" s="2"/>
    </row>
    <row r="23" spans="2:9" ht="39.950000000000003" customHeight="1" x14ac:dyDescent="0.2">
      <c r="E23" s="118"/>
      <c r="F23" s="118"/>
    </row>
    <row r="24" spans="2:9" ht="45" customHeight="1" x14ac:dyDescent="0.2">
      <c r="E24" s="86" t="s">
        <v>13</v>
      </c>
      <c r="F24" s="86"/>
      <c r="G24" s="29"/>
      <c r="H24" s="29"/>
    </row>
    <row r="25" spans="2:9" s="31" customFormat="1" x14ac:dyDescent="0.2">
      <c r="B25" s="87" t="s">
        <v>14</v>
      </c>
      <c r="C25" s="87"/>
      <c r="D25" s="30"/>
      <c r="E25" s="29"/>
      <c r="F25" s="1"/>
      <c r="G25" s="1"/>
      <c r="H25" s="1"/>
    </row>
    <row r="26" spans="2:9" s="31" customFormat="1" ht="12" customHeight="1" x14ac:dyDescent="0.2">
      <c r="B26" s="32"/>
      <c r="C26" s="33" t="s">
        <v>15</v>
      </c>
      <c r="D26" s="33"/>
      <c r="E26" s="34"/>
      <c r="F26" s="1"/>
      <c r="G26" s="1"/>
      <c r="H26" s="1"/>
      <c r="I26" s="29"/>
    </row>
  </sheetData>
  <mergeCells count="23">
    <mergeCell ref="E23:F23"/>
    <mergeCell ref="E24:F24"/>
    <mergeCell ref="B25:C25"/>
    <mergeCell ref="B16:C16"/>
    <mergeCell ref="D16:E16"/>
    <mergeCell ref="B17:C17"/>
    <mergeCell ref="D17:E17"/>
    <mergeCell ref="B18:C18"/>
    <mergeCell ref="D18:E18"/>
    <mergeCell ref="B15:C15"/>
    <mergeCell ref="D15:E15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1:F11"/>
    <mergeCell ref="B13:E13"/>
  </mergeCells>
  <conditionalFormatting sqref="C21:C22">
    <cfRule type="containsBlanks" dxfId="23" priority="3">
      <formula>LEN(TRIM(C21))=0</formula>
    </cfRule>
  </conditionalFormatting>
  <conditionalFormatting sqref="D10:D11">
    <cfRule type="containsBlanks" dxfId="22" priority="1">
      <formula>LEN(TRIM(D10))=0</formula>
    </cfRule>
  </conditionalFormatting>
  <conditionalFormatting sqref="D15:E18">
    <cfRule type="containsBlanks" dxfId="21" priority="2">
      <formula>LEN(TRIM(D15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D75AAA5-E9CF-48E3-886E-C5D587E4886A}">
  <sheetPr>
    <tabColor rgb="FFD3B5E9"/>
  </sheetPr>
  <dimension ref="B1:L26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583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43.5" customHeight="1" thickBot="1" x14ac:dyDescent="0.3">
      <c r="B8" s="110" t="s">
        <v>584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585</v>
      </c>
      <c r="C9" s="114"/>
      <c r="D9" s="114"/>
      <c r="E9" s="114"/>
      <c r="F9" s="115"/>
    </row>
    <row r="10" spans="2:12" s="9" customFormat="1" ht="29.25" customHeight="1" thickBot="1" x14ac:dyDescent="0.3">
      <c r="B10" s="66" t="s">
        <v>18</v>
      </c>
      <c r="C10" s="41" t="s">
        <v>586</v>
      </c>
      <c r="D10" s="10"/>
      <c r="E10" s="123"/>
      <c r="F10" s="124"/>
    </row>
    <row r="11" spans="2:12" s="9" customFormat="1" ht="35.25" customHeight="1" thickBot="1" x14ac:dyDescent="0.3">
      <c r="B11" s="69" t="s">
        <v>20</v>
      </c>
      <c r="C11" s="70" t="s">
        <v>587</v>
      </c>
      <c r="D11" s="44"/>
      <c r="E11" s="119"/>
      <c r="F11" s="120"/>
    </row>
    <row r="12" spans="2:12" s="9" customFormat="1" ht="12" customHeight="1" x14ac:dyDescent="0.25">
      <c r="B12" s="19"/>
      <c r="C12" s="20"/>
      <c r="D12" s="21"/>
      <c r="E12" s="22"/>
    </row>
    <row r="13" spans="2:12" s="24" customFormat="1" ht="20.100000000000001" customHeight="1" x14ac:dyDescent="0.25">
      <c r="B13" s="92" t="s">
        <v>6</v>
      </c>
      <c r="C13" s="92"/>
      <c r="D13" s="92"/>
      <c r="E13" s="92"/>
      <c r="F13" s="23"/>
      <c r="G13" s="23"/>
      <c r="H13" s="23"/>
      <c r="I13" s="23"/>
      <c r="J13" s="23"/>
      <c r="K13" s="23"/>
    </row>
    <row r="14" spans="2:12" s="24" customFormat="1" ht="20.100000000000001" customHeight="1" x14ac:dyDescent="0.25">
      <c r="B14" s="25"/>
      <c r="C14" s="25"/>
      <c r="D14" s="25"/>
      <c r="E14" s="25"/>
      <c r="F14" s="23"/>
      <c r="G14" s="23"/>
      <c r="H14" s="23"/>
      <c r="I14" s="23"/>
      <c r="J14" s="23"/>
      <c r="K14" s="23"/>
    </row>
    <row r="15" spans="2:12" s="26" customFormat="1" ht="30" customHeight="1" x14ac:dyDescent="0.25">
      <c r="B15" s="93" t="s">
        <v>7</v>
      </c>
      <c r="C15" s="93"/>
      <c r="D15" s="89"/>
      <c r="E15" s="89"/>
      <c r="H15" s="27"/>
    </row>
    <row r="16" spans="2:12" s="26" customFormat="1" ht="15" customHeight="1" x14ac:dyDescent="0.25">
      <c r="B16" s="88" t="s">
        <v>8</v>
      </c>
      <c r="C16" s="88"/>
      <c r="D16" s="89"/>
      <c r="E16" s="89"/>
    </row>
    <row r="17" spans="2:9" s="26" customFormat="1" ht="15" customHeight="1" x14ac:dyDescent="0.25">
      <c r="B17" s="88" t="s">
        <v>9</v>
      </c>
      <c r="C17" s="88"/>
      <c r="D17" s="89"/>
      <c r="E17" s="89"/>
    </row>
    <row r="18" spans="2:9" s="26" customFormat="1" ht="15" customHeight="1" x14ac:dyDescent="0.25">
      <c r="B18" s="88" t="s">
        <v>10</v>
      </c>
      <c r="C18" s="88"/>
      <c r="D18" s="89"/>
      <c r="E18" s="89"/>
    </row>
    <row r="21" spans="2:9" ht="15" customHeight="1" x14ac:dyDescent="0.2">
      <c r="B21" s="2" t="s">
        <v>11</v>
      </c>
      <c r="C21" s="28"/>
      <c r="D21" s="1"/>
      <c r="F21" s="2"/>
      <c r="G21" s="2"/>
      <c r="H21" s="2"/>
    </row>
    <row r="22" spans="2:9" ht="15" customHeight="1" x14ac:dyDescent="0.2">
      <c r="B22" s="2" t="s">
        <v>12</v>
      </c>
      <c r="C22" s="28"/>
      <c r="D22" s="1"/>
      <c r="F22" s="2"/>
      <c r="G22" s="2"/>
      <c r="H22" s="2"/>
    </row>
    <row r="23" spans="2:9" ht="39.950000000000003" customHeight="1" x14ac:dyDescent="0.2">
      <c r="E23" s="118"/>
      <c r="F23" s="118"/>
    </row>
    <row r="24" spans="2:9" ht="45" customHeight="1" x14ac:dyDescent="0.2">
      <c r="E24" s="86" t="s">
        <v>13</v>
      </c>
      <c r="F24" s="86"/>
      <c r="G24" s="29"/>
      <c r="H24" s="29"/>
    </row>
    <row r="25" spans="2:9" s="31" customFormat="1" x14ac:dyDescent="0.2">
      <c r="B25" s="87" t="s">
        <v>14</v>
      </c>
      <c r="C25" s="87"/>
      <c r="D25" s="30"/>
      <c r="E25" s="29"/>
      <c r="F25" s="1"/>
      <c r="G25" s="1"/>
      <c r="H25" s="1"/>
    </row>
    <row r="26" spans="2:9" s="31" customFormat="1" ht="12" customHeight="1" x14ac:dyDescent="0.2">
      <c r="B26" s="32"/>
      <c r="C26" s="33" t="s">
        <v>15</v>
      </c>
      <c r="D26" s="33"/>
      <c r="E26" s="34"/>
      <c r="F26" s="1"/>
      <c r="G26" s="1"/>
      <c r="H26" s="1"/>
      <c r="I26" s="29"/>
    </row>
  </sheetData>
  <mergeCells count="23">
    <mergeCell ref="E23:F23"/>
    <mergeCell ref="E24:F24"/>
    <mergeCell ref="B25:C25"/>
    <mergeCell ref="B16:C16"/>
    <mergeCell ref="D16:E16"/>
    <mergeCell ref="B17:C17"/>
    <mergeCell ref="D17:E17"/>
    <mergeCell ref="B18:C18"/>
    <mergeCell ref="D18:E18"/>
    <mergeCell ref="B15:C15"/>
    <mergeCell ref="D15:E15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1:F11"/>
    <mergeCell ref="B13:E13"/>
  </mergeCells>
  <conditionalFormatting sqref="C21:C22">
    <cfRule type="containsBlanks" dxfId="20" priority="3">
      <formula>LEN(TRIM(C21))=0</formula>
    </cfRule>
  </conditionalFormatting>
  <conditionalFormatting sqref="D10:D11">
    <cfRule type="containsBlanks" dxfId="19" priority="1">
      <formula>LEN(TRIM(D10))=0</formula>
    </cfRule>
  </conditionalFormatting>
  <conditionalFormatting sqref="D15:E18">
    <cfRule type="containsBlanks" dxfId="18" priority="2">
      <formula>LEN(TRIM(D15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CD0AE74-6D3F-4C97-B9FC-8F2CAF5A6F71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112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6" customHeight="1" thickBot="1" x14ac:dyDescent="0.3">
      <c r="B8" s="110" t="s">
        <v>113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114</v>
      </c>
      <c r="C9" s="114"/>
      <c r="D9" s="114"/>
      <c r="E9" s="114"/>
      <c r="F9" s="115"/>
    </row>
    <row r="10" spans="2:12" s="9" customFormat="1" ht="93" customHeight="1" thickBot="1" x14ac:dyDescent="0.3">
      <c r="B10" s="36" t="s">
        <v>18</v>
      </c>
      <c r="C10" s="35" t="s">
        <v>116</v>
      </c>
      <c r="D10" s="10"/>
      <c r="E10" s="116"/>
      <c r="F10" s="117"/>
    </row>
    <row r="11" spans="2:12" s="9" customFormat="1" ht="30" customHeight="1" thickBot="1" x14ac:dyDescent="0.3">
      <c r="B11" s="113" t="s">
        <v>115</v>
      </c>
      <c r="C11" s="114" t="s">
        <v>21</v>
      </c>
      <c r="D11" s="114"/>
      <c r="E11" s="114"/>
      <c r="F11" s="115"/>
    </row>
    <row r="12" spans="2:12" s="9" customFormat="1" ht="66.75" customHeight="1" thickBot="1" x14ac:dyDescent="0.3">
      <c r="B12" s="42" t="s">
        <v>73</v>
      </c>
      <c r="C12" s="43" t="s">
        <v>117</v>
      </c>
      <c r="D12" s="44"/>
      <c r="E12" s="121"/>
      <c r="F12" s="122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93" t="s">
        <v>7</v>
      </c>
      <c r="C14" s="93"/>
      <c r="D14" s="89"/>
      <c r="E14" s="89"/>
      <c r="H14" s="27"/>
    </row>
    <row r="15" spans="2:12" s="26" customFormat="1" ht="15" customHeight="1" x14ac:dyDescent="0.25">
      <c r="B15" s="88" t="s">
        <v>8</v>
      </c>
      <c r="C15" s="88"/>
      <c r="D15" s="89"/>
      <c r="E15" s="89"/>
    </row>
    <row r="16" spans="2:12" s="26" customFormat="1" ht="15" customHeight="1" x14ac:dyDescent="0.25">
      <c r="B16" s="88" t="s">
        <v>9</v>
      </c>
      <c r="C16" s="88"/>
      <c r="D16" s="89"/>
      <c r="E16" s="89"/>
    </row>
    <row r="17" spans="2:9" s="26" customFormat="1" ht="15" customHeight="1" x14ac:dyDescent="0.25">
      <c r="B17" s="88" t="s">
        <v>10</v>
      </c>
      <c r="C17" s="88"/>
      <c r="D17" s="89"/>
      <c r="E17" s="89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8"/>
      <c r="F22" s="118"/>
    </row>
    <row r="23" spans="2:9" ht="45" customHeight="1" x14ac:dyDescent="0.2">
      <c r="E23" s="86" t="s">
        <v>13</v>
      </c>
      <c r="F23" s="86"/>
      <c r="G23" s="29"/>
      <c r="H23" s="29"/>
    </row>
    <row r="24" spans="2:9" s="31" customFormat="1" x14ac:dyDescent="0.2">
      <c r="B24" s="87" t="s">
        <v>14</v>
      </c>
      <c r="C24" s="8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3">
    <mergeCell ref="B17:C17"/>
    <mergeCell ref="D17:E17"/>
    <mergeCell ref="E22:F22"/>
    <mergeCell ref="E23:F23"/>
    <mergeCell ref="B24:C24"/>
    <mergeCell ref="B14:C14"/>
    <mergeCell ref="D14:E14"/>
    <mergeCell ref="B15:C15"/>
    <mergeCell ref="D15:E15"/>
    <mergeCell ref="B16:C16"/>
    <mergeCell ref="D16:E16"/>
    <mergeCell ref="B8:F8"/>
    <mergeCell ref="B9:F9"/>
    <mergeCell ref="E10:F10"/>
    <mergeCell ref="B11:F11"/>
    <mergeCell ref="E12:F12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79" priority="4">
      <formula>LEN(TRIM(C20))=0</formula>
    </cfRule>
  </conditionalFormatting>
  <conditionalFormatting sqref="D10 D12">
    <cfRule type="containsBlanks" dxfId="178" priority="2">
      <formula>LEN(TRIM(D10))=0</formula>
    </cfRule>
  </conditionalFormatting>
  <conditionalFormatting sqref="D14:E17">
    <cfRule type="containsBlanks" dxfId="177" priority="3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D1C6F32-AC74-44F1-BC7E-EB58A9094A22}">
  <sheetPr>
    <tabColor rgb="FFD3B5E9"/>
  </sheetPr>
  <dimension ref="B1:L34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588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43.5" customHeight="1" thickBot="1" x14ac:dyDescent="0.3">
      <c r="B8" s="110" t="s">
        <v>589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620</v>
      </c>
      <c r="C9" s="114"/>
      <c r="D9" s="114"/>
      <c r="E9" s="114"/>
      <c r="F9" s="115"/>
    </row>
    <row r="10" spans="2:12" s="9" customFormat="1" ht="29.25" customHeight="1" x14ac:dyDescent="0.25">
      <c r="B10" s="66" t="s">
        <v>18</v>
      </c>
      <c r="C10" s="41" t="s">
        <v>590</v>
      </c>
      <c r="D10" s="10"/>
      <c r="E10" s="123"/>
      <c r="F10" s="124"/>
    </row>
    <row r="11" spans="2:12" s="9" customFormat="1" ht="29.25" customHeight="1" x14ac:dyDescent="0.25">
      <c r="B11" s="81" t="s">
        <v>20</v>
      </c>
      <c r="C11" s="82" t="s">
        <v>591</v>
      </c>
      <c r="D11" s="65"/>
      <c r="E11" s="90"/>
      <c r="F11" s="91"/>
    </row>
    <row r="12" spans="2:12" s="9" customFormat="1" ht="29.25" customHeight="1" x14ac:dyDescent="0.25">
      <c r="B12" s="81" t="s">
        <v>22</v>
      </c>
      <c r="C12" s="82" t="s">
        <v>592</v>
      </c>
      <c r="D12" s="65"/>
      <c r="E12" s="90"/>
      <c r="F12" s="91"/>
    </row>
    <row r="13" spans="2:12" s="9" customFormat="1" ht="29.25" customHeight="1" thickBot="1" x14ac:dyDescent="0.3">
      <c r="B13" s="81" t="s">
        <v>24</v>
      </c>
      <c r="C13" s="82" t="s">
        <v>593</v>
      </c>
      <c r="D13" s="65"/>
      <c r="E13" s="90"/>
      <c r="F13" s="91"/>
    </row>
    <row r="14" spans="2:12" s="9" customFormat="1" ht="35.25" customHeight="1" thickBot="1" x14ac:dyDescent="0.3">
      <c r="B14" s="69" t="s">
        <v>25</v>
      </c>
      <c r="C14" s="70" t="s">
        <v>594</v>
      </c>
      <c r="D14" s="44"/>
      <c r="E14" s="119"/>
      <c r="F14" s="120"/>
    </row>
    <row r="15" spans="2:12" s="9" customFormat="1" ht="28.5" customHeight="1" thickBot="1" x14ac:dyDescent="0.3">
      <c r="B15" s="113" t="s">
        <v>595</v>
      </c>
      <c r="C15" s="114"/>
      <c r="D15" s="114"/>
      <c r="E15" s="114"/>
      <c r="F15" s="115"/>
    </row>
    <row r="16" spans="2:12" s="9" customFormat="1" ht="29.25" customHeight="1" x14ac:dyDescent="0.25">
      <c r="B16" s="66" t="s">
        <v>73</v>
      </c>
      <c r="C16" s="41" t="s">
        <v>596</v>
      </c>
      <c r="D16" s="10"/>
      <c r="E16" s="123"/>
      <c r="F16" s="124"/>
    </row>
    <row r="17" spans="2:11" s="9" customFormat="1" ht="29.25" customHeight="1" x14ac:dyDescent="0.25">
      <c r="B17" s="81" t="s">
        <v>95</v>
      </c>
      <c r="C17" s="82" t="s">
        <v>597</v>
      </c>
      <c r="D17" s="65"/>
      <c r="E17" s="90"/>
      <c r="F17" s="91"/>
    </row>
    <row r="18" spans="2:11" s="9" customFormat="1" ht="29.25" customHeight="1" thickBot="1" x14ac:dyDescent="0.3">
      <c r="B18" s="81" t="s">
        <v>306</v>
      </c>
      <c r="C18" s="82" t="s">
        <v>598</v>
      </c>
      <c r="D18" s="65"/>
      <c r="E18" s="90"/>
      <c r="F18" s="91"/>
    </row>
    <row r="19" spans="2:11" s="9" customFormat="1" ht="35.25" customHeight="1" thickBot="1" x14ac:dyDescent="0.3">
      <c r="B19" s="69" t="s">
        <v>308</v>
      </c>
      <c r="C19" s="70" t="s">
        <v>594</v>
      </c>
      <c r="D19" s="44"/>
      <c r="E19" s="119"/>
      <c r="F19" s="120"/>
    </row>
    <row r="20" spans="2:11" s="9" customFormat="1" ht="12" customHeight="1" x14ac:dyDescent="0.25">
      <c r="B20" s="19"/>
      <c r="C20" s="20"/>
      <c r="D20" s="21"/>
      <c r="E20" s="22"/>
    </row>
    <row r="21" spans="2:11" s="24" customFormat="1" ht="20.100000000000001" customHeight="1" x14ac:dyDescent="0.25">
      <c r="B21" s="92" t="s">
        <v>6</v>
      </c>
      <c r="C21" s="92"/>
      <c r="D21" s="92"/>
      <c r="E21" s="92"/>
      <c r="F21" s="23"/>
      <c r="G21" s="23"/>
      <c r="H21" s="23"/>
      <c r="I21" s="23"/>
      <c r="J21" s="23"/>
      <c r="K21" s="23"/>
    </row>
    <row r="22" spans="2:11" s="24" customFormat="1" ht="20.100000000000001" customHeight="1" x14ac:dyDescent="0.25">
      <c r="B22" s="25"/>
      <c r="C22" s="25"/>
      <c r="D22" s="25"/>
      <c r="E22" s="25"/>
      <c r="F22" s="23"/>
      <c r="G22" s="23"/>
      <c r="H22" s="23"/>
      <c r="I22" s="23"/>
      <c r="J22" s="23"/>
      <c r="K22" s="23"/>
    </row>
    <row r="23" spans="2:11" s="26" customFormat="1" ht="30" customHeight="1" x14ac:dyDescent="0.25">
      <c r="B23" s="93" t="s">
        <v>7</v>
      </c>
      <c r="C23" s="93"/>
      <c r="D23" s="89"/>
      <c r="E23" s="89"/>
      <c r="H23" s="27"/>
    </row>
    <row r="24" spans="2:11" s="26" customFormat="1" ht="15" customHeight="1" x14ac:dyDescent="0.25">
      <c r="B24" s="88" t="s">
        <v>8</v>
      </c>
      <c r="C24" s="88"/>
      <c r="D24" s="89"/>
      <c r="E24" s="89"/>
    </row>
    <row r="25" spans="2:11" s="26" customFormat="1" ht="15" customHeight="1" x14ac:dyDescent="0.25">
      <c r="B25" s="88" t="s">
        <v>9</v>
      </c>
      <c r="C25" s="88"/>
      <c r="D25" s="89"/>
      <c r="E25" s="89"/>
    </row>
    <row r="26" spans="2:11" s="26" customFormat="1" ht="15" customHeight="1" x14ac:dyDescent="0.25">
      <c r="B26" s="88" t="s">
        <v>10</v>
      </c>
      <c r="C26" s="88"/>
      <c r="D26" s="89"/>
      <c r="E26" s="89"/>
    </row>
    <row r="29" spans="2:11" ht="15" customHeight="1" x14ac:dyDescent="0.2">
      <c r="B29" s="2" t="s">
        <v>11</v>
      </c>
      <c r="C29" s="28"/>
      <c r="D29" s="1"/>
      <c r="F29" s="2"/>
      <c r="G29" s="2"/>
      <c r="H29" s="2"/>
    </row>
    <row r="30" spans="2:11" ht="15" customHeight="1" x14ac:dyDescent="0.2">
      <c r="B30" s="2" t="s">
        <v>12</v>
      </c>
      <c r="C30" s="28"/>
      <c r="D30" s="1"/>
      <c r="F30" s="2"/>
      <c r="G30" s="2"/>
      <c r="H30" s="2"/>
    </row>
    <row r="31" spans="2:11" ht="39.950000000000003" customHeight="1" x14ac:dyDescent="0.2">
      <c r="E31" s="118"/>
      <c r="F31" s="118"/>
    </row>
    <row r="32" spans="2:11" ht="45" customHeight="1" x14ac:dyDescent="0.2">
      <c r="E32" s="86" t="s">
        <v>13</v>
      </c>
      <c r="F32" s="86"/>
      <c r="G32" s="29"/>
      <c r="H32" s="29"/>
    </row>
    <row r="33" spans="2:9" s="31" customFormat="1" x14ac:dyDescent="0.2">
      <c r="B33" s="87" t="s">
        <v>14</v>
      </c>
      <c r="C33" s="87"/>
      <c r="D33" s="30"/>
      <c r="E33" s="29"/>
      <c r="F33" s="1"/>
      <c r="G33" s="1"/>
      <c r="H33" s="1"/>
    </row>
    <row r="34" spans="2:9" s="31" customFormat="1" ht="12" customHeight="1" x14ac:dyDescent="0.2">
      <c r="B34" s="32"/>
      <c r="C34" s="33" t="s">
        <v>15</v>
      </c>
      <c r="D34" s="33"/>
      <c r="E34" s="34"/>
      <c r="F34" s="1"/>
      <c r="G34" s="1"/>
      <c r="H34" s="1"/>
      <c r="I34" s="29"/>
    </row>
  </sheetData>
  <mergeCells count="31">
    <mergeCell ref="E31:F31"/>
    <mergeCell ref="E32:F32"/>
    <mergeCell ref="B33:C33"/>
    <mergeCell ref="E11:F11"/>
    <mergeCell ref="E12:F12"/>
    <mergeCell ref="E13:F13"/>
    <mergeCell ref="B15:F15"/>
    <mergeCell ref="E16:F16"/>
    <mergeCell ref="E17:F17"/>
    <mergeCell ref="E18:F18"/>
    <mergeCell ref="B24:C24"/>
    <mergeCell ref="D24:E24"/>
    <mergeCell ref="B25:C25"/>
    <mergeCell ref="D25:E25"/>
    <mergeCell ref="B26:C26"/>
    <mergeCell ref="D26:E26"/>
    <mergeCell ref="B23:C23"/>
    <mergeCell ref="D23:E23"/>
    <mergeCell ref="E19:F19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4:F14"/>
    <mergeCell ref="B21:E21"/>
  </mergeCells>
  <conditionalFormatting sqref="C29:C30">
    <cfRule type="containsBlanks" dxfId="17" priority="3">
      <formula>LEN(TRIM(C29))=0</formula>
    </cfRule>
  </conditionalFormatting>
  <conditionalFormatting sqref="D10:D14 D16:D19">
    <cfRule type="containsBlanks" dxfId="16" priority="1">
      <formula>LEN(TRIM(D10))=0</formula>
    </cfRule>
  </conditionalFormatting>
  <conditionalFormatting sqref="D23:E26">
    <cfRule type="containsBlanks" dxfId="15" priority="2">
      <formula>LEN(TRIM(D23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71F292E-F717-4B9D-A13B-F1B5373EE142}">
  <sheetPr>
    <tabColor rgb="FFD3B5E9"/>
  </sheetPr>
  <dimension ref="B1:L3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599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43.5" customHeight="1" thickBot="1" x14ac:dyDescent="0.3">
      <c r="B8" s="110" t="s">
        <v>600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601</v>
      </c>
      <c r="C9" s="114"/>
      <c r="D9" s="114"/>
      <c r="E9" s="114"/>
      <c r="F9" s="115"/>
    </row>
    <row r="10" spans="2:12" s="9" customFormat="1" ht="60" customHeight="1" thickBot="1" x14ac:dyDescent="0.3">
      <c r="B10" s="66" t="s">
        <v>18</v>
      </c>
      <c r="C10" s="35" t="s">
        <v>602</v>
      </c>
      <c r="D10" s="10"/>
      <c r="E10" s="123"/>
      <c r="F10" s="124"/>
    </row>
    <row r="11" spans="2:12" s="9" customFormat="1" ht="28.5" customHeight="1" thickBot="1" x14ac:dyDescent="0.3">
      <c r="B11" s="113" t="s">
        <v>603</v>
      </c>
      <c r="C11" s="114"/>
      <c r="D11" s="114"/>
      <c r="E11" s="114"/>
      <c r="F11" s="115"/>
    </row>
    <row r="12" spans="2:12" s="9" customFormat="1" ht="45.75" customHeight="1" thickBot="1" x14ac:dyDescent="0.3">
      <c r="B12" s="66" t="s">
        <v>73</v>
      </c>
      <c r="C12" s="35" t="s">
        <v>604</v>
      </c>
      <c r="D12" s="10"/>
      <c r="E12" s="123"/>
      <c r="F12" s="124"/>
    </row>
    <row r="13" spans="2:12" s="9" customFormat="1" ht="28.5" customHeight="1" thickBot="1" x14ac:dyDescent="0.3">
      <c r="B13" s="113" t="s">
        <v>605</v>
      </c>
      <c r="C13" s="114"/>
      <c r="D13" s="114"/>
      <c r="E13" s="114"/>
      <c r="F13" s="115"/>
    </row>
    <row r="14" spans="2:12" s="9" customFormat="1" ht="60.75" customHeight="1" thickBot="1" x14ac:dyDescent="0.3">
      <c r="B14" s="67" t="s">
        <v>75</v>
      </c>
      <c r="C14" s="35" t="s">
        <v>606</v>
      </c>
      <c r="D14" s="10"/>
      <c r="E14" s="123"/>
      <c r="F14" s="124"/>
    </row>
    <row r="15" spans="2:12" s="9" customFormat="1" ht="28.5" customHeight="1" thickBot="1" x14ac:dyDescent="0.3">
      <c r="B15" s="113" t="s">
        <v>607</v>
      </c>
      <c r="C15" s="114"/>
      <c r="D15" s="114"/>
      <c r="E15" s="114"/>
      <c r="F15" s="115"/>
    </row>
    <row r="16" spans="2:12" s="9" customFormat="1" ht="70.5" customHeight="1" thickBot="1" x14ac:dyDescent="0.3">
      <c r="B16" s="67" t="s">
        <v>77</v>
      </c>
      <c r="C16" s="35" t="s">
        <v>608</v>
      </c>
      <c r="D16" s="10"/>
      <c r="E16" s="123"/>
      <c r="F16" s="124"/>
    </row>
    <row r="17" spans="2:11" s="9" customFormat="1" ht="28.5" customHeight="1" thickBot="1" x14ac:dyDescent="0.3">
      <c r="B17" s="113" t="s">
        <v>609</v>
      </c>
      <c r="C17" s="114"/>
      <c r="D17" s="114"/>
      <c r="E17" s="114"/>
      <c r="F17" s="115"/>
    </row>
    <row r="18" spans="2:11" s="9" customFormat="1" ht="42" customHeight="1" thickBot="1" x14ac:dyDescent="0.3">
      <c r="B18" s="67" t="s">
        <v>79</v>
      </c>
      <c r="C18" s="35" t="s">
        <v>610</v>
      </c>
      <c r="D18" s="10"/>
      <c r="E18" s="123"/>
      <c r="F18" s="124"/>
    </row>
    <row r="19" spans="2:11" s="9" customFormat="1" ht="28.5" customHeight="1" thickBot="1" x14ac:dyDescent="0.3">
      <c r="B19" s="113" t="s">
        <v>611</v>
      </c>
      <c r="C19" s="114"/>
      <c r="D19" s="114"/>
      <c r="E19" s="114"/>
      <c r="F19" s="115"/>
    </row>
    <row r="20" spans="2:11" s="9" customFormat="1" ht="57.75" customHeight="1" thickBot="1" x14ac:dyDescent="0.3">
      <c r="B20" s="83" t="s">
        <v>81</v>
      </c>
      <c r="C20" s="43" t="s">
        <v>612</v>
      </c>
      <c r="D20" s="44"/>
      <c r="E20" s="121"/>
      <c r="F20" s="122"/>
    </row>
    <row r="21" spans="2:11" s="9" customFormat="1" ht="12" customHeight="1" x14ac:dyDescent="0.25">
      <c r="B21" s="19"/>
      <c r="C21" s="20"/>
      <c r="D21" s="21"/>
      <c r="E21" s="22"/>
    </row>
    <row r="22" spans="2:11" s="24" customFormat="1" ht="20.100000000000001" customHeight="1" x14ac:dyDescent="0.25">
      <c r="B22" s="92" t="s">
        <v>6</v>
      </c>
      <c r="C22" s="92"/>
      <c r="D22" s="92"/>
      <c r="E22" s="92"/>
      <c r="F22" s="23"/>
      <c r="G22" s="23"/>
      <c r="H22" s="23"/>
      <c r="I22" s="23"/>
      <c r="J22" s="23"/>
      <c r="K22" s="23"/>
    </row>
    <row r="23" spans="2:11" s="24" customFormat="1" ht="20.100000000000001" customHeight="1" x14ac:dyDescent="0.25">
      <c r="B23" s="25"/>
      <c r="C23" s="25"/>
      <c r="D23" s="25"/>
      <c r="E23" s="25"/>
      <c r="F23" s="23"/>
      <c r="G23" s="23"/>
      <c r="H23" s="23"/>
      <c r="I23" s="23"/>
      <c r="J23" s="23"/>
      <c r="K23" s="23"/>
    </row>
    <row r="24" spans="2:11" s="26" customFormat="1" ht="30" customHeight="1" x14ac:dyDescent="0.25">
      <c r="B24" s="93" t="s">
        <v>7</v>
      </c>
      <c r="C24" s="93"/>
      <c r="D24" s="89"/>
      <c r="E24" s="89"/>
      <c r="H24" s="27"/>
    </row>
    <row r="25" spans="2:11" s="26" customFormat="1" ht="15" customHeight="1" x14ac:dyDescent="0.25">
      <c r="B25" s="88" t="s">
        <v>8</v>
      </c>
      <c r="C25" s="88"/>
      <c r="D25" s="89"/>
      <c r="E25" s="89"/>
    </row>
    <row r="26" spans="2:11" s="26" customFormat="1" ht="15" customHeight="1" x14ac:dyDescent="0.25">
      <c r="B26" s="88" t="s">
        <v>9</v>
      </c>
      <c r="C26" s="88"/>
      <c r="D26" s="89"/>
      <c r="E26" s="89"/>
    </row>
    <row r="27" spans="2:11" s="26" customFormat="1" ht="15" customHeight="1" x14ac:dyDescent="0.25">
      <c r="B27" s="88" t="s">
        <v>10</v>
      </c>
      <c r="C27" s="88"/>
      <c r="D27" s="89"/>
      <c r="E27" s="89"/>
    </row>
    <row r="30" spans="2:11" ht="15" customHeight="1" x14ac:dyDescent="0.2">
      <c r="B30" s="2" t="s">
        <v>11</v>
      </c>
      <c r="C30" s="28"/>
      <c r="D30" s="1"/>
      <c r="F30" s="2"/>
      <c r="G30" s="2"/>
      <c r="H30" s="2"/>
    </row>
    <row r="31" spans="2:11" ht="15" customHeight="1" x14ac:dyDescent="0.2">
      <c r="B31" s="2" t="s">
        <v>12</v>
      </c>
      <c r="C31" s="28"/>
      <c r="D31" s="1"/>
      <c r="F31" s="2"/>
      <c r="G31" s="2"/>
      <c r="H31" s="2"/>
    </row>
    <row r="32" spans="2:11" ht="39.950000000000003" customHeight="1" x14ac:dyDescent="0.2">
      <c r="E32" s="118"/>
      <c r="F32" s="118"/>
    </row>
    <row r="33" spans="2:9" ht="45" customHeight="1" x14ac:dyDescent="0.2">
      <c r="E33" s="86" t="s">
        <v>13</v>
      </c>
      <c r="F33" s="86"/>
      <c r="G33" s="29"/>
      <c r="H33" s="29"/>
    </row>
    <row r="34" spans="2:9" s="31" customFormat="1" x14ac:dyDescent="0.2">
      <c r="B34" s="87" t="s">
        <v>14</v>
      </c>
      <c r="C34" s="87"/>
      <c r="D34" s="30"/>
      <c r="E34" s="29"/>
      <c r="F34" s="1"/>
      <c r="G34" s="1"/>
      <c r="H34" s="1"/>
    </row>
    <row r="35" spans="2:9" s="31" customFormat="1" ht="12" customHeight="1" x14ac:dyDescent="0.2">
      <c r="B35" s="32"/>
      <c r="C35" s="33" t="s">
        <v>15</v>
      </c>
      <c r="D35" s="33"/>
      <c r="E35" s="34"/>
      <c r="F35" s="1"/>
      <c r="G35" s="1"/>
      <c r="H35" s="1"/>
      <c r="I35" s="29"/>
    </row>
  </sheetData>
  <mergeCells count="32">
    <mergeCell ref="B27:C27"/>
    <mergeCell ref="D27:E27"/>
    <mergeCell ref="E32:F32"/>
    <mergeCell ref="E33:F33"/>
    <mergeCell ref="B34:C34"/>
    <mergeCell ref="B26:C26"/>
    <mergeCell ref="D26:E26"/>
    <mergeCell ref="B19:F19"/>
    <mergeCell ref="E20:F20"/>
    <mergeCell ref="B17:F17"/>
    <mergeCell ref="E18:F18"/>
    <mergeCell ref="B22:E22"/>
    <mergeCell ref="B24:C24"/>
    <mergeCell ref="D24:E24"/>
    <mergeCell ref="B25:C25"/>
    <mergeCell ref="D25:E25"/>
    <mergeCell ref="B15:F15"/>
    <mergeCell ref="E16:F16"/>
    <mergeCell ref="B13:F13"/>
    <mergeCell ref="E14:F14"/>
    <mergeCell ref="B11:F11"/>
    <mergeCell ref="E12:F12"/>
    <mergeCell ref="B8:F8"/>
    <mergeCell ref="B9:F9"/>
    <mergeCell ref="E10:F10"/>
    <mergeCell ref="B1:E1"/>
    <mergeCell ref="B2:E2"/>
    <mergeCell ref="B3:E3"/>
    <mergeCell ref="B5:E5"/>
    <mergeCell ref="B6:C7"/>
    <mergeCell ref="D6:F6"/>
    <mergeCell ref="E7:F7"/>
  </mergeCells>
  <conditionalFormatting sqref="C30:C31">
    <cfRule type="containsBlanks" dxfId="14" priority="3">
      <formula>LEN(TRIM(C30))=0</formula>
    </cfRule>
  </conditionalFormatting>
  <conditionalFormatting sqref="D10 D12 D14 D16 D18 D20">
    <cfRule type="containsBlanks" dxfId="13" priority="1">
      <formula>LEN(TRIM(D10))=0</formula>
    </cfRule>
  </conditionalFormatting>
  <conditionalFormatting sqref="D24:E27">
    <cfRule type="containsBlanks" dxfId="12" priority="2">
      <formula>LEN(TRIM(D2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CA5B7C-B6C5-4632-AC00-CA208A6ACBEF}">
  <sheetPr>
    <tabColor rgb="FFD3B5E9"/>
  </sheetPr>
  <dimension ref="B1:L28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614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43.5" customHeight="1" thickBot="1" x14ac:dyDescent="0.3">
      <c r="B8" s="110" t="s">
        <v>613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615</v>
      </c>
      <c r="C9" s="114"/>
      <c r="D9" s="114"/>
      <c r="E9" s="114"/>
      <c r="F9" s="115"/>
    </row>
    <row r="10" spans="2:12" s="9" customFormat="1" ht="30" customHeight="1" x14ac:dyDescent="0.25">
      <c r="B10" s="66" t="s">
        <v>18</v>
      </c>
      <c r="C10" s="41" t="s">
        <v>619</v>
      </c>
      <c r="D10" s="10"/>
      <c r="E10" s="123"/>
      <c r="F10" s="124"/>
    </row>
    <row r="11" spans="2:12" s="9" customFormat="1" ht="30" customHeight="1" x14ac:dyDescent="0.25">
      <c r="B11" s="81" t="s">
        <v>20</v>
      </c>
      <c r="C11" s="82" t="s">
        <v>616</v>
      </c>
      <c r="D11" s="65"/>
      <c r="E11" s="90"/>
      <c r="F11" s="91"/>
    </row>
    <row r="12" spans="2:12" s="9" customFormat="1" ht="31.5" customHeight="1" thickBot="1" x14ac:dyDescent="0.3">
      <c r="B12" s="81" t="s">
        <v>22</v>
      </c>
      <c r="C12" s="82" t="s">
        <v>617</v>
      </c>
      <c r="D12" s="65"/>
      <c r="E12" s="90"/>
      <c r="F12" s="91"/>
    </row>
    <row r="13" spans="2:12" s="9" customFormat="1" ht="40.5" customHeight="1" thickBot="1" x14ac:dyDescent="0.3">
      <c r="B13" s="69" t="s">
        <v>24</v>
      </c>
      <c r="C13" s="70" t="s">
        <v>618</v>
      </c>
      <c r="D13" s="44"/>
      <c r="E13" s="119"/>
      <c r="F13" s="120"/>
    </row>
    <row r="14" spans="2:12" s="9" customFormat="1" ht="12" customHeight="1" x14ac:dyDescent="0.25">
      <c r="B14" s="19"/>
      <c r="C14" s="20"/>
      <c r="D14" s="21"/>
      <c r="E14" s="22"/>
    </row>
    <row r="15" spans="2:12" s="24" customFormat="1" ht="20.100000000000001" customHeight="1" x14ac:dyDescent="0.25">
      <c r="B15" s="92" t="s">
        <v>6</v>
      </c>
      <c r="C15" s="92"/>
      <c r="D15" s="92"/>
      <c r="E15" s="92"/>
      <c r="F15" s="23"/>
      <c r="G15" s="23"/>
      <c r="H15" s="23"/>
      <c r="I15" s="23"/>
      <c r="J15" s="23"/>
      <c r="K15" s="23"/>
    </row>
    <row r="16" spans="2:12" s="24" customFormat="1" ht="20.100000000000001" customHeight="1" x14ac:dyDescent="0.25">
      <c r="B16" s="25"/>
      <c r="C16" s="25"/>
      <c r="D16" s="25"/>
      <c r="E16" s="25"/>
      <c r="F16" s="23"/>
      <c r="G16" s="23"/>
      <c r="H16" s="23"/>
      <c r="I16" s="23"/>
      <c r="J16" s="23"/>
      <c r="K16" s="23"/>
    </row>
    <row r="17" spans="2:9" s="26" customFormat="1" ht="30" customHeight="1" x14ac:dyDescent="0.25">
      <c r="B17" s="93" t="s">
        <v>7</v>
      </c>
      <c r="C17" s="93"/>
      <c r="D17" s="89"/>
      <c r="E17" s="89"/>
      <c r="H17" s="27"/>
    </row>
    <row r="18" spans="2:9" s="26" customFormat="1" ht="15" customHeight="1" x14ac:dyDescent="0.25">
      <c r="B18" s="88" t="s">
        <v>8</v>
      </c>
      <c r="C18" s="88"/>
      <c r="D18" s="89"/>
      <c r="E18" s="89"/>
    </row>
    <row r="19" spans="2:9" s="26" customFormat="1" ht="15" customHeight="1" x14ac:dyDescent="0.25">
      <c r="B19" s="88" t="s">
        <v>9</v>
      </c>
      <c r="C19" s="88"/>
      <c r="D19" s="89"/>
      <c r="E19" s="89"/>
    </row>
    <row r="20" spans="2:9" s="26" customFormat="1" ht="15" customHeight="1" x14ac:dyDescent="0.25">
      <c r="B20" s="88" t="s">
        <v>10</v>
      </c>
      <c r="C20" s="88"/>
      <c r="D20" s="89"/>
      <c r="E20" s="89"/>
    </row>
    <row r="23" spans="2:9" ht="15" customHeight="1" x14ac:dyDescent="0.2">
      <c r="B23" s="2" t="s">
        <v>11</v>
      </c>
      <c r="C23" s="28"/>
      <c r="D23" s="1"/>
      <c r="F23" s="2"/>
      <c r="G23" s="2"/>
      <c r="H23" s="2"/>
    </row>
    <row r="24" spans="2:9" ht="15" customHeight="1" x14ac:dyDescent="0.2">
      <c r="B24" s="2" t="s">
        <v>12</v>
      </c>
      <c r="C24" s="28"/>
      <c r="D24" s="1"/>
      <c r="F24" s="2"/>
      <c r="G24" s="2"/>
      <c r="H24" s="2"/>
    </row>
    <row r="25" spans="2:9" ht="39.950000000000003" customHeight="1" x14ac:dyDescent="0.2">
      <c r="E25" s="118"/>
      <c r="F25" s="118"/>
    </row>
    <row r="26" spans="2:9" ht="45" customHeight="1" x14ac:dyDescent="0.2">
      <c r="E26" s="86" t="s">
        <v>13</v>
      </c>
      <c r="F26" s="86"/>
      <c r="G26" s="29"/>
      <c r="H26" s="29"/>
    </row>
    <row r="27" spans="2:9" s="31" customFormat="1" x14ac:dyDescent="0.2">
      <c r="B27" s="87" t="s">
        <v>14</v>
      </c>
      <c r="C27" s="87"/>
      <c r="D27" s="30"/>
      <c r="E27" s="29"/>
      <c r="F27" s="1"/>
      <c r="G27" s="1"/>
      <c r="H27" s="1"/>
    </row>
    <row r="28" spans="2:9" s="31" customFormat="1" ht="12" customHeight="1" x14ac:dyDescent="0.2">
      <c r="B28" s="32"/>
      <c r="C28" s="33" t="s">
        <v>15</v>
      </c>
      <c r="D28" s="33"/>
      <c r="E28" s="34"/>
      <c r="F28" s="1"/>
      <c r="G28" s="1"/>
      <c r="H28" s="1"/>
      <c r="I28" s="29"/>
    </row>
  </sheetData>
  <mergeCells count="25">
    <mergeCell ref="B20:C20"/>
    <mergeCell ref="D20:E20"/>
    <mergeCell ref="E25:F25"/>
    <mergeCell ref="E26:F26"/>
    <mergeCell ref="B27:C27"/>
    <mergeCell ref="B19:C19"/>
    <mergeCell ref="D19:E19"/>
    <mergeCell ref="B8:F8"/>
    <mergeCell ref="B9:F9"/>
    <mergeCell ref="E10:F10"/>
    <mergeCell ref="E11:F11"/>
    <mergeCell ref="E12:F12"/>
    <mergeCell ref="E13:F13"/>
    <mergeCell ref="B15:E15"/>
    <mergeCell ref="B17:C17"/>
    <mergeCell ref="D17:E17"/>
    <mergeCell ref="B18:C18"/>
    <mergeCell ref="D18:E18"/>
    <mergeCell ref="B1:E1"/>
    <mergeCell ref="B2:E2"/>
    <mergeCell ref="B3:E3"/>
    <mergeCell ref="B5:E5"/>
    <mergeCell ref="B6:C7"/>
    <mergeCell ref="D6:F6"/>
    <mergeCell ref="E7:F7"/>
  </mergeCells>
  <conditionalFormatting sqref="C23:C24">
    <cfRule type="containsBlanks" dxfId="11" priority="3">
      <formula>LEN(TRIM(C23))=0</formula>
    </cfRule>
  </conditionalFormatting>
  <conditionalFormatting sqref="D10:D13">
    <cfRule type="containsBlanks" dxfId="10" priority="1">
      <formula>LEN(TRIM(D10))=0</formula>
    </cfRule>
  </conditionalFormatting>
  <conditionalFormatting sqref="D17:E20">
    <cfRule type="containsBlanks" dxfId="9" priority="2">
      <formula>LEN(TRIM(D17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B918D16-F430-4563-B4C4-28A8FE1A12B6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621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43.5" customHeight="1" thickBot="1" x14ac:dyDescent="0.3">
      <c r="B8" s="110" t="s">
        <v>622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623</v>
      </c>
      <c r="C9" s="114"/>
      <c r="D9" s="114"/>
      <c r="E9" s="114"/>
      <c r="F9" s="115"/>
    </row>
    <row r="10" spans="2:12" s="9" customFormat="1" ht="30" customHeight="1" x14ac:dyDescent="0.25">
      <c r="B10" s="66" t="s">
        <v>18</v>
      </c>
      <c r="C10" s="41" t="s">
        <v>624</v>
      </c>
      <c r="D10" s="10"/>
      <c r="E10" s="123"/>
      <c r="F10" s="124"/>
    </row>
    <row r="11" spans="2:12" s="9" customFormat="1" ht="30" customHeight="1" thickBot="1" x14ac:dyDescent="0.3">
      <c r="B11" s="81" t="s">
        <v>20</v>
      </c>
      <c r="C11" s="82" t="s">
        <v>625</v>
      </c>
      <c r="D11" s="65"/>
      <c r="E11" s="90"/>
      <c r="F11" s="91"/>
    </row>
    <row r="12" spans="2:12" s="9" customFormat="1" ht="40.5" customHeight="1" thickBot="1" x14ac:dyDescent="0.3">
      <c r="B12" s="69" t="s">
        <v>22</v>
      </c>
      <c r="C12" s="70" t="s">
        <v>626</v>
      </c>
      <c r="D12" s="44"/>
      <c r="E12" s="119"/>
      <c r="F12" s="120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92" t="s">
        <v>6</v>
      </c>
      <c r="C14" s="92"/>
      <c r="D14" s="92"/>
      <c r="E14" s="92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93" t="s">
        <v>7</v>
      </c>
      <c r="C16" s="93"/>
      <c r="D16" s="89"/>
      <c r="E16" s="89"/>
      <c r="H16" s="27"/>
    </row>
    <row r="17" spans="2:9" s="26" customFormat="1" ht="15" customHeight="1" x14ac:dyDescent="0.25">
      <c r="B17" s="88" t="s">
        <v>8</v>
      </c>
      <c r="C17" s="88"/>
      <c r="D17" s="89"/>
      <c r="E17" s="89"/>
    </row>
    <row r="18" spans="2:9" s="26" customFormat="1" ht="15" customHeight="1" x14ac:dyDescent="0.25">
      <c r="B18" s="88" t="s">
        <v>9</v>
      </c>
      <c r="C18" s="88"/>
      <c r="D18" s="89"/>
      <c r="E18" s="89"/>
    </row>
    <row r="19" spans="2:9" s="26" customFormat="1" ht="15" customHeight="1" x14ac:dyDescent="0.25">
      <c r="B19" s="88" t="s">
        <v>10</v>
      </c>
      <c r="C19" s="88"/>
      <c r="D19" s="89"/>
      <c r="E19" s="89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8"/>
      <c r="F24" s="118"/>
    </row>
    <row r="25" spans="2:9" ht="45" customHeight="1" x14ac:dyDescent="0.2">
      <c r="E25" s="86" t="s">
        <v>13</v>
      </c>
      <c r="F25" s="86"/>
      <c r="G25" s="29"/>
      <c r="H25" s="29"/>
    </row>
    <row r="26" spans="2:9" s="31" customFormat="1" x14ac:dyDescent="0.2">
      <c r="B26" s="87" t="s">
        <v>14</v>
      </c>
      <c r="C26" s="8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9:C19"/>
    <mergeCell ref="D19:E19"/>
    <mergeCell ref="E24:F24"/>
    <mergeCell ref="E25:F25"/>
    <mergeCell ref="B26:C26"/>
    <mergeCell ref="B18:C18"/>
    <mergeCell ref="D18:E18"/>
    <mergeCell ref="B8:F8"/>
    <mergeCell ref="B9:F9"/>
    <mergeCell ref="E10:F10"/>
    <mergeCell ref="E11:F11"/>
    <mergeCell ref="E12:F12"/>
    <mergeCell ref="B14:E14"/>
    <mergeCell ref="B16:C16"/>
    <mergeCell ref="D16:E16"/>
    <mergeCell ref="B17:C17"/>
    <mergeCell ref="D17:E17"/>
    <mergeCell ref="B1:E1"/>
    <mergeCell ref="B2:E2"/>
    <mergeCell ref="B3:E3"/>
    <mergeCell ref="B5:E5"/>
    <mergeCell ref="B6:C7"/>
    <mergeCell ref="D6:F6"/>
    <mergeCell ref="E7:F7"/>
  </mergeCells>
  <conditionalFormatting sqref="C22:C23">
    <cfRule type="containsBlanks" dxfId="8" priority="3">
      <formula>LEN(TRIM(C22))=0</formula>
    </cfRule>
  </conditionalFormatting>
  <conditionalFormatting sqref="D10:D12">
    <cfRule type="containsBlanks" dxfId="7" priority="1">
      <formula>LEN(TRIM(D10))=0</formula>
    </cfRule>
  </conditionalFormatting>
  <conditionalFormatting sqref="D16:E19">
    <cfRule type="containsBlanks" dxfId="6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5664B7E-029A-4773-AB59-5C4CE38CAF66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627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43.5" customHeight="1" thickBot="1" x14ac:dyDescent="0.3">
      <c r="B8" s="110" t="s">
        <v>628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564</v>
      </c>
      <c r="C9" s="114"/>
      <c r="D9" s="114"/>
      <c r="E9" s="114"/>
      <c r="F9" s="115"/>
    </row>
    <row r="10" spans="2:12" s="9" customFormat="1" ht="30" customHeight="1" x14ac:dyDescent="0.25">
      <c r="B10" s="66" t="s">
        <v>18</v>
      </c>
      <c r="C10" s="41" t="s">
        <v>629</v>
      </c>
      <c r="D10" s="10"/>
      <c r="E10" s="123"/>
      <c r="F10" s="124"/>
    </row>
    <row r="11" spans="2:12" s="9" customFormat="1" ht="30" customHeight="1" thickBot="1" x14ac:dyDescent="0.3">
      <c r="B11" s="81" t="s">
        <v>20</v>
      </c>
      <c r="C11" s="82" t="s">
        <v>630</v>
      </c>
      <c r="D11" s="65"/>
      <c r="E11" s="90"/>
      <c r="F11" s="91"/>
    </row>
    <row r="12" spans="2:12" s="9" customFormat="1" ht="40.5" customHeight="1" thickBot="1" x14ac:dyDescent="0.3">
      <c r="B12" s="69" t="s">
        <v>22</v>
      </c>
      <c r="C12" s="70" t="s">
        <v>631</v>
      </c>
      <c r="D12" s="44"/>
      <c r="E12" s="119"/>
      <c r="F12" s="120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92" t="s">
        <v>6</v>
      </c>
      <c r="C14" s="92"/>
      <c r="D14" s="92"/>
      <c r="E14" s="92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93" t="s">
        <v>7</v>
      </c>
      <c r="C16" s="93"/>
      <c r="D16" s="89"/>
      <c r="E16" s="89"/>
      <c r="H16" s="27"/>
    </row>
    <row r="17" spans="2:9" s="26" customFormat="1" ht="15" customHeight="1" x14ac:dyDescent="0.25">
      <c r="B17" s="88" t="s">
        <v>8</v>
      </c>
      <c r="C17" s="88"/>
      <c r="D17" s="89"/>
      <c r="E17" s="89"/>
    </row>
    <row r="18" spans="2:9" s="26" customFormat="1" ht="15" customHeight="1" x14ac:dyDescent="0.25">
      <c r="B18" s="88" t="s">
        <v>9</v>
      </c>
      <c r="C18" s="88"/>
      <c r="D18" s="89"/>
      <c r="E18" s="89"/>
    </row>
    <row r="19" spans="2:9" s="26" customFormat="1" ht="15" customHeight="1" x14ac:dyDescent="0.25">
      <c r="B19" s="88" t="s">
        <v>10</v>
      </c>
      <c r="C19" s="88"/>
      <c r="D19" s="89"/>
      <c r="E19" s="89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8"/>
      <c r="F24" s="118"/>
    </row>
    <row r="25" spans="2:9" ht="45" customHeight="1" x14ac:dyDescent="0.2">
      <c r="E25" s="86" t="s">
        <v>13</v>
      </c>
      <c r="F25" s="86"/>
      <c r="G25" s="29"/>
      <c r="H25" s="29"/>
    </row>
    <row r="26" spans="2:9" s="31" customFormat="1" x14ac:dyDescent="0.2">
      <c r="B26" s="87" t="s">
        <v>14</v>
      </c>
      <c r="C26" s="8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9:C19"/>
    <mergeCell ref="D19:E19"/>
    <mergeCell ref="E24:F24"/>
    <mergeCell ref="E25:F25"/>
    <mergeCell ref="B26:C26"/>
    <mergeCell ref="B16:C16"/>
    <mergeCell ref="D16:E16"/>
    <mergeCell ref="B17:C17"/>
    <mergeCell ref="D17:E17"/>
    <mergeCell ref="B18:C18"/>
    <mergeCell ref="D18:E18"/>
    <mergeCell ref="B14:E14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1:F11"/>
    <mergeCell ref="E12:F12"/>
  </mergeCells>
  <conditionalFormatting sqref="C22:C23">
    <cfRule type="containsBlanks" dxfId="5" priority="3">
      <formula>LEN(TRIM(C22))=0</formula>
    </cfRule>
  </conditionalFormatting>
  <conditionalFormatting sqref="D10:D12">
    <cfRule type="containsBlanks" dxfId="4" priority="1">
      <formula>LEN(TRIM(D10))=0</formula>
    </cfRule>
  </conditionalFormatting>
  <conditionalFormatting sqref="D16:E19">
    <cfRule type="containsBlanks" dxfId="3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A6C69FE-96DB-4A2E-94D3-0F4694158122}">
  <sheetPr>
    <tabColor rgb="FFD3B5E9"/>
  </sheetPr>
  <dimension ref="B1:L33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632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56.25" customHeight="1" thickBot="1" x14ac:dyDescent="0.3">
      <c r="B8" s="110" t="s">
        <v>633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634</v>
      </c>
      <c r="C9" s="114"/>
      <c r="D9" s="114"/>
      <c r="E9" s="114"/>
      <c r="F9" s="115"/>
    </row>
    <row r="10" spans="2:12" s="9" customFormat="1" ht="56.25" customHeight="1" thickBot="1" x14ac:dyDescent="0.3">
      <c r="B10" s="66" t="s">
        <v>18</v>
      </c>
      <c r="C10" s="35" t="s">
        <v>635</v>
      </c>
      <c r="D10" s="10"/>
      <c r="E10" s="123"/>
      <c r="F10" s="124"/>
    </row>
    <row r="11" spans="2:12" s="9" customFormat="1" ht="28.5" customHeight="1" thickBot="1" x14ac:dyDescent="0.3">
      <c r="B11" s="113" t="s">
        <v>636</v>
      </c>
      <c r="C11" s="114"/>
      <c r="D11" s="114"/>
      <c r="E11" s="114"/>
      <c r="F11" s="115"/>
    </row>
    <row r="12" spans="2:12" s="9" customFormat="1" ht="72" customHeight="1" thickBot="1" x14ac:dyDescent="0.3">
      <c r="B12" s="84">
        <v>44928</v>
      </c>
      <c r="C12" s="35" t="s">
        <v>637</v>
      </c>
      <c r="D12" s="65"/>
      <c r="E12" s="90"/>
      <c r="F12" s="91"/>
    </row>
    <row r="13" spans="2:12" s="9" customFormat="1" ht="28.5" customHeight="1" thickBot="1" x14ac:dyDescent="0.3">
      <c r="B13" s="113" t="s">
        <v>638</v>
      </c>
      <c r="C13" s="114"/>
      <c r="D13" s="114"/>
      <c r="E13" s="114"/>
      <c r="F13" s="115"/>
    </row>
    <row r="14" spans="2:12" s="9" customFormat="1" ht="67.5" customHeight="1" thickBot="1" x14ac:dyDescent="0.3">
      <c r="B14" s="84">
        <v>44929</v>
      </c>
      <c r="C14" s="51" t="s">
        <v>639</v>
      </c>
      <c r="D14" s="65"/>
      <c r="E14" s="90"/>
      <c r="F14" s="91"/>
    </row>
    <row r="15" spans="2:12" s="9" customFormat="1" ht="28.5" customHeight="1" thickBot="1" x14ac:dyDescent="0.3">
      <c r="B15" s="113" t="s">
        <v>640</v>
      </c>
      <c r="C15" s="114"/>
      <c r="D15" s="114"/>
      <c r="E15" s="114"/>
      <c r="F15" s="115"/>
    </row>
    <row r="16" spans="2:12" s="9" customFormat="1" ht="45.75" customHeight="1" thickBot="1" x14ac:dyDescent="0.3">
      <c r="B16" s="84" t="s">
        <v>77</v>
      </c>
      <c r="C16" s="61" t="s">
        <v>641</v>
      </c>
      <c r="D16" s="65"/>
      <c r="E16" s="49"/>
      <c r="F16" s="50"/>
    </row>
    <row r="17" spans="2:11" s="9" customFormat="1" ht="28.5" customHeight="1" thickBot="1" x14ac:dyDescent="0.3">
      <c r="B17" s="113" t="s">
        <v>643</v>
      </c>
      <c r="C17" s="114"/>
      <c r="D17" s="114"/>
      <c r="E17" s="114"/>
      <c r="F17" s="115"/>
    </row>
    <row r="18" spans="2:11" s="9" customFormat="1" ht="45" customHeight="1" thickBot="1" x14ac:dyDescent="0.3">
      <c r="B18" s="69" t="s">
        <v>79</v>
      </c>
      <c r="C18" s="70" t="s">
        <v>642</v>
      </c>
      <c r="D18" s="44"/>
      <c r="E18" s="119"/>
      <c r="F18" s="120"/>
    </row>
    <row r="19" spans="2:11" s="9" customFormat="1" ht="12" customHeight="1" x14ac:dyDescent="0.25">
      <c r="B19" s="19"/>
      <c r="C19" s="20"/>
      <c r="D19" s="21"/>
      <c r="E19" s="22"/>
    </row>
    <row r="20" spans="2:11" s="24" customFormat="1" ht="20.100000000000001" customHeight="1" x14ac:dyDescent="0.25">
      <c r="B20" s="92" t="s">
        <v>6</v>
      </c>
      <c r="C20" s="92"/>
      <c r="D20" s="92"/>
      <c r="E20" s="92"/>
      <c r="F20" s="23"/>
      <c r="G20" s="23"/>
      <c r="H20" s="23"/>
      <c r="I20" s="23"/>
      <c r="J20" s="23"/>
      <c r="K20" s="23"/>
    </row>
    <row r="21" spans="2:11" s="24" customFormat="1" ht="20.100000000000001" customHeight="1" x14ac:dyDescent="0.25">
      <c r="B21" s="25"/>
      <c r="C21" s="25"/>
      <c r="D21" s="25"/>
      <c r="E21" s="25"/>
      <c r="F21" s="23"/>
      <c r="G21" s="23"/>
      <c r="H21" s="23"/>
      <c r="I21" s="23"/>
      <c r="J21" s="23"/>
      <c r="K21" s="23"/>
    </row>
    <row r="22" spans="2:11" s="26" customFormat="1" ht="30" customHeight="1" x14ac:dyDescent="0.25">
      <c r="B22" s="93" t="s">
        <v>7</v>
      </c>
      <c r="C22" s="93"/>
      <c r="D22" s="89"/>
      <c r="E22" s="89"/>
      <c r="H22" s="27"/>
    </row>
    <row r="23" spans="2:11" s="26" customFormat="1" ht="15" customHeight="1" x14ac:dyDescent="0.25">
      <c r="B23" s="88" t="s">
        <v>8</v>
      </c>
      <c r="C23" s="88"/>
      <c r="D23" s="89"/>
      <c r="E23" s="89"/>
    </row>
    <row r="24" spans="2:11" s="26" customFormat="1" ht="15" customHeight="1" x14ac:dyDescent="0.25">
      <c r="B24" s="88" t="s">
        <v>9</v>
      </c>
      <c r="C24" s="88"/>
      <c r="D24" s="89"/>
      <c r="E24" s="89"/>
    </row>
    <row r="25" spans="2:11" s="26" customFormat="1" ht="15" customHeight="1" x14ac:dyDescent="0.25">
      <c r="B25" s="88" t="s">
        <v>10</v>
      </c>
      <c r="C25" s="88"/>
      <c r="D25" s="89"/>
      <c r="E25" s="89"/>
    </row>
    <row r="28" spans="2:11" ht="15" customHeight="1" x14ac:dyDescent="0.2">
      <c r="B28" s="2" t="s">
        <v>11</v>
      </c>
      <c r="C28" s="28"/>
      <c r="D28" s="1"/>
      <c r="F28" s="2"/>
      <c r="G28" s="2"/>
      <c r="H28" s="2"/>
    </row>
    <row r="29" spans="2:11" ht="15" customHeight="1" x14ac:dyDescent="0.2">
      <c r="B29" s="2" t="s">
        <v>12</v>
      </c>
      <c r="C29" s="28"/>
      <c r="D29" s="1"/>
      <c r="F29" s="2"/>
      <c r="G29" s="2"/>
      <c r="H29" s="2"/>
    </row>
    <row r="30" spans="2:11" ht="39.950000000000003" customHeight="1" x14ac:dyDescent="0.2">
      <c r="E30" s="118"/>
      <c r="F30" s="118"/>
    </row>
    <row r="31" spans="2:11" ht="45" customHeight="1" x14ac:dyDescent="0.2">
      <c r="E31" s="86" t="s">
        <v>13</v>
      </c>
      <c r="F31" s="86"/>
      <c r="G31" s="29"/>
      <c r="H31" s="29"/>
    </row>
    <row r="32" spans="2:11" s="31" customFormat="1" x14ac:dyDescent="0.2">
      <c r="B32" s="87" t="s">
        <v>14</v>
      </c>
      <c r="C32" s="87"/>
      <c r="D32" s="30"/>
      <c r="E32" s="29"/>
      <c r="F32" s="1"/>
      <c r="G32" s="1"/>
      <c r="H32" s="1"/>
    </row>
    <row r="33" spans="2:9" s="31" customFormat="1" ht="12" customHeight="1" x14ac:dyDescent="0.2">
      <c r="B33" s="32"/>
      <c r="C33" s="33" t="s">
        <v>15</v>
      </c>
      <c r="D33" s="33"/>
      <c r="E33" s="34"/>
      <c r="F33" s="1"/>
      <c r="G33" s="1"/>
      <c r="H33" s="1"/>
      <c r="I33" s="29"/>
    </row>
  </sheetData>
  <mergeCells count="29">
    <mergeCell ref="E30:F30"/>
    <mergeCell ref="E31:F31"/>
    <mergeCell ref="B32:C32"/>
    <mergeCell ref="B15:F15"/>
    <mergeCell ref="B17:F17"/>
    <mergeCell ref="B20:E20"/>
    <mergeCell ref="E18:F18"/>
    <mergeCell ref="B25:C25"/>
    <mergeCell ref="D25:E25"/>
    <mergeCell ref="B22:C22"/>
    <mergeCell ref="D22:E22"/>
    <mergeCell ref="B23:C23"/>
    <mergeCell ref="D23:E23"/>
    <mergeCell ref="B24:C24"/>
    <mergeCell ref="D24:E24"/>
    <mergeCell ref="B8:F8"/>
    <mergeCell ref="B9:F9"/>
    <mergeCell ref="E10:F10"/>
    <mergeCell ref="E12:F12"/>
    <mergeCell ref="E14:F14"/>
    <mergeCell ref="B11:F11"/>
    <mergeCell ref="B13:F13"/>
    <mergeCell ref="B1:E1"/>
    <mergeCell ref="B2:E2"/>
    <mergeCell ref="B3:E3"/>
    <mergeCell ref="B5:E5"/>
    <mergeCell ref="B6:C7"/>
    <mergeCell ref="D6:F6"/>
    <mergeCell ref="E7:F7"/>
  </mergeCells>
  <conditionalFormatting sqref="C28:C29">
    <cfRule type="containsBlanks" dxfId="2" priority="3">
      <formula>LEN(TRIM(C28))=0</formula>
    </cfRule>
  </conditionalFormatting>
  <conditionalFormatting sqref="D10 D12 D14 D16 D18">
    <cfRule type="containsBlanks" dxfId="1" priority="1">
      <formula>LEN(TRIM(D10))=0</formula>
    </cfRule>
  </conditionalFormatting>
  <conditionalFormatting sqref="D22:E25">
    <cfRule type="containsBlanks" dxfId="0" priority="2">
      <formula>LEN(TRIM(D22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CDBAB06-EAB6-451C-B7EE-8B3F62FC9723}">
  <sheetPr>
    <tabColor rgb="FFD3B5E9"/>
  </sheetPr>
  <dimension ref="B1:L23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118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36" customHeight="1" thickBot="1" x14ac:dyDescent="0.3">
      <c r="B8" s="110" t="s">
        <v>119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120</v>
      </c>
      <c r="C9" s="114"/>
      <c r="D9" s="114"/>
      <c r="E9" s="114"/>
      <c r="F9" s="115"/>
    </row>
    <row r="10" spans="2:12" s="9" customFormat="1" ht="51.75" customHeight="1" thickBot="1" x14ac:dyDescent="0.3">
      <c r="B10" s="42" t="s">
        <v>18</v>
      </c>
      <c r="C10" s="45" t="s">
        <v>121</v>
      </c>
      <c r="D10" s="44"/>
      <c r="E10" s="121"/>
      <c r="F10" s="122"/>
    </row>
    <row r="11" spans="2:12" s="24" customFormat="1" ht="20.100000000000001" customHeight="1" x14ac:dyDescent="0.25">
      <c r="B11" s="25"/>
      <c r="C11" s="25"/>
      <c r="D11" s="25"/>
      <c r="E11" s="25"/>
      <c r="F11" s="23"/>
      <c r="G11" s="23"/>
      <c r="H11" s="23"/>
      <c r="I11" s="23"/>
      <c r="J11" s="23"/>
      <c r="K11" s="23"/>
    </row>
    <row r="12" spans="2:12" s="26" customFormat="1" ht="30" customHeight="1" x14ac:dyDescent="0.25">
      <c r="B12" s="93" t="s">
        <v>7</v>
      </c>
      <c r="C12" s="93"/>
      <c r="D12" s="89"/>
      <c r="E12" s="89"/>
      <c r="H12" s="27"/>
    </row>
    <row r="13" spans="2:12" s="26" customFormat="1" ht="15" customHeight="1" x14ac:dyDescent="0.25">
      <c r="B13" s="88" t="s">
        <v>8</v>
      </c>
      <c r="C13" s="88"/>
      <c r="D13" s="89"/>
      <c r="E13" s="89"/>
    </row>
    <row r="14" spans="2:12" s="26" customFormat="1" ht="15" customHeight="1" x14ac:dyDescent="0.25">
      <c r="B14" s="88" t="s">
        <v>9</v>
      </c>
      <c r="C14" s="88"/>
      <c r="D14" s="89"/>
      <c r="E14" s="89"/>
    </row>
    <row r="15" spans="2:12" s="26" customFormat="1" ht="15" customHeight="1" x14ac:dyDescent="0.25">
      <c r="B15" s="88" t="s">
        <v>10</v>
      </c>
      <c r="C15" s="88"/>
      <c r="D15" s="89"/>
      <c r="E15" s="89"/>
    </row>
    <row r="18" spans="2:9" ht="15" customHeight="1" x14ac:dyDescent="0.2">
      <c r="B18" s="2" t="s">
        <v>11</v>
      </c>
      <c r="C18" s="28"/>
      <c r="D18" s="1"/>
      <c r="F18" s="2"/>
      <c r="G18" s="2"/>
      <c r="H18" s="2"/>
    </row>
    <row r="19" spans="2:9" ht="15" customHeight="1" x14ac:dyDescent="0.2">
      <c r="B19" s="2" t="s">
        <v>12</v>
      </c>
      <c r="C19" s="28"/>
      <c r="D19" s="1"/>
      <c r="F19" s="2"/>
      <c r="G19" s="2"/>
      <c r="H19" s="2"/>
    </row>
    <row r="20" spans="2:9" ht="39.950000000000003" customHeight="1" x14ac:dyDescent="0.2">
      <c r="E20" s="118"/>
      <c r="F20" s="118"/>
    </row>
    <row r="21" spans="2:9" ht="45" customHeight="1" x14ac:dyDescent="0.2">
      <c r="E21" s="86" t="s">
        <v>13</v>
      </c>
      <c r="F21" s="86"/>
      <c r="G21" s="29"/>
      <c r="H21" s="29"/>
    </row>
    <row r="22" spans="2:9" s="31" customFormat="1" x14ac:dyDescent="0.2">
      <c r="B22" s="87" t="s">
        <v>14</v>
      </c>
      <c r="C22" s="87"/>
      <c r="D22" s="30"/>
      <c r="E22" s="29"/>
      <c r="F22" s="1"/>
      <c r="G22" s="1"/>
      <c r="H22" s="1"/>
    </row>
    <row r="23" spans="2:9" s="31" customFormat="1" ht="12" customHeight="1" x14ac:dyDescent="0.2">
      <c r="B23" s="32"/>
      <c r="C23" s="33" t="s">
        <v>15</v>
      </c>
      <c r="D23" s="33"/>
      <c r="E23" s="34"/>
      <c r="F23" s="1"/>
      <c r="G23" s="1"/>
      <c r="H23" s="1"/>
      <c r="I23" s="29"/>
    </row>
  </sheetData>
  <mergeCells count="21">
    <mergeCell ref="E20:F20"/>
    <mergeCell ref="E21:F21"/>
    <mergeCell ref="B22:C22"/>
    <mergeCell ref="B13:C13"/>
    <mergeCell ref="D13:E13"/>
    <mergeCell ref="B14:C14"/>
    <mergeCell ref="D14:E14"/>
    <mergeCell ref="B15:C15"/>
    <mergeCell ref="D15:E15"/>
    <mergeCell ref="B8:F8"/>
    <mergeCell ref="B9:F9"/>
    <mergeCell ref="E10:F10"/>
    <mergeCell ref="B12:C12"/>
    <mergeCell ref="D12:E12"/>
    <mergeCell ref="B1:E1"/>
    <mergeCell ref="B2:E2"/>
    <mergeCell ref="B3:E3"/>
    <mergeCell ref="B5:E5"/>
    <mergeCell ref="B6:C7"/>
    <mergeCell ref="D6:F6"/>
    <mergeCell ref="E7:F7"/>
  </mergeCells>
  <conditionalFormatting sqref="C18:C19">
    <cfRule type="containsBlanks" dxfId="176" priority="3">
      <formula>LEN(TRIM(C18))=0</formula>
    </cfRule>
  </conditionalFormatting>
  <conditionalFormatting sqref="D10">
    <cfRule type="containsBlanks" dxfId="175" priority="1">
      <formula>LEN(TRIM(D10))=0</formula>
    </cfRule>
  </conditionalFormatting>
  <conditionalFormatting sqref="D12:E15">
    <cfRule type="containsBlanks" dxfId="174" priority="2">
      <formula>LEN(TRIM(D12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76F1182-3E0A-48FE-B2E6-4E57B83EF39A}">
  <sheetPr>
    <tabColor rgb="FFD3B5E9"/>
  </sheetPr>
  <dimension ref="B1:L29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122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66" customHeight="1" thickBot="1" x14ac:dyDescent="0.3">
      <c r="B8" s="110" t="s">
        <v>123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129</v>
      </c>
      <c r="C9" s="114"/>
      <c r="D9" s="114"/>
      <c r="E9" s="114"/>
      <c r="F9" s="115"/>
    </row>
    <row r="10" spans="2:12" s="9" customFormat="1" ht="54.75" customHeight="1" thickBot="1" x14ac:dyDescent="0.3">
      <c r="B10" s="36" t="s">
        <v>18</v>
      </c>
      <c r="C10" s="35" t="s">
        <v>124</v>
      </c>
      <c r="D10" s="10"/>
      <c r="E10" s="116"/>
      <c r="F10" s="117"/>
    </row>
    <row r="11" spans="2:12" s="9" customFormat="1" ht="30" customHeight="1" thickBot="1" x14ac:dyDescent="0.3">
      <c r="B11" s="113" t="s">
        <v>128</v>
      </c>
      <c r="C11" s="114" t="s">
        <v>21</v>
      </c>
      <c r="D11" s="114"/>
      <c r="E11" s="114"/>
      <c r="F11" s="115"/>
    </row>
    <row r="12" spans="2:12" s="9" customFormat="1" ht="69.75" customHeight="1" thickBot="1" x14ac:dyDescent="0.3">
      <c r="B12" s="36" t="s">
        <v>73</v>
      </c>
      <c r="C12" s="35" t="s">
        <v>125</v>
      </c>
      <c r="D12" s="11"/>
      <c r="E12" s="90"/>
      <c r="F12" s="91"/>
    </row>
    <row r="13" spans="2:12" s="9" customFormat="1" ht="30" customHeight="1" thickBot="1" x14ac:dyDescent="0.3">
      <c r="B13" s="113" t="s">
        <v>127</v>
      </c>
      <c r="C13" s="114" t="s">
        <v>21</v>
      </c>
      <c r="D13" s="114"/>
      <c r="E13" s="114"/>
      <c r="F13" s="115"/>
    </row>
    <row r="14" spans="2:12" s="9" customFormat="1" ht="64.5" thickBot="1" x14ac:dyDescent="0.3">
      <c r="B14" s="42" t="s">
        <v>75</v>
      </c>
      <c r="C14" s="35" t="s">
        <v>126</v>
      </c>
      <c r="D14" s="44"/>
      <c r="E14" s="121"/>
      <c r="F14" s="122"/>
    </row>
    <row r="15" spans="2:12" s="9" customFormat="1" ht="12" customHeight="1" x14ac:dyDescent="0.25">
      <c r="B15" s="19"/>
      <c r="C15" s="20"/>
      <c r="D15" s="21"/>
      <c r="E15" s="22"/>
    </row>
    <row r="16" spans="2:12" s="24" customFormat="1" ht="20.100000000000001" customHeight="1" x14ac:dyDescent="0.25">
      <c r="B16" s="92" t="s">
        <v>6</v>
      </c>
      <c r="C16" s="92"/>
      <c r="D16" s="92"/>
      <c r="E16" s="92"/>
      <c r="F16" s="23"/>
      <c r="G16" s="23"/>
      <c r="H16" s="23"/>
      <c r="I16" s="23"/>
      <c r="J16" s="23"/>
      <c r="K16" s="23"/>
    </row>
    <row r="17" spans="2:11" s="24" customFormat="1" ht="20.100000000000001" customHeight="1" x14ac:dyDescent="0.25">
      <c r="B17" s="25"/>
      <c r="C17" s="25"/>
      <c r="D17" s="25"/>
      <c r="E17" s="25"/>
      <c r="F17" s="23"/>
      <c r="G17" s="23"/>
      <c r="H17" s="23"/>
      <c r="I17" s="23"/>
      <c r="J17" s="23"/>
      <c r="K17" s="23"/>
    </row>
    <row r="18" spans="2:11" s="26" customFormat="1" ht="30" customHeight="1" x14ac:dyDescent="0.25">
      <c r="B18" s="93" t="s">
        <v>7</v>
      </c>
      <c r="C18" s="93"/>
      <c r="D18" s="89"/>
      <c r="E18" s="89"/>
      <c r="H18" s="27"/>
    </row>
    <row r="19" spans="2:11" s="26" customFormat="1" ht="15" customHeight="1" x14ac:dyDescent="0.25">
      <c r="B19" s="88" t="s">
        <v>8</v>
      </c>
      <c r="C19" s="88"/>
      <c r="D19" s="89"/>
      <c r="E19" s="89"/>
    </row>
    <row r="20" spans="2:11" s="26" customFormat="1" ht="15" customHeight="1" x14ac:dyDescent="0.25">
      <c r="B20" s="88" t="s">
        <v>9</v>
      </c>
      <c r="C20" s="88"/>
      <c r="D20" s="89"/>
      <c r="E20" s="89"/>
    </row>
    <row r="21" spans="2:11" s="26" customFormat="1" ht="15" customHeight="1" x14ac:dyDescent="0.25">
      <c r="B21" s="88" t="s">
        <v>10</v>
      </c>
      <c r="C21" s="88"/>
      <c r="D21" s="89"/>
      <c r="E21" s="89"/>
    </row>
    <row r="24" spans="2:11" ht="15" customHeight="1" x14ac:dyDescent="0.2">
      <c r="B24" s="2" t="s">
        <v>11</v>
      </c>
      <c r="C24" s="28"/>
      <c r="D24" s="1"/>
      <c r="F24" s="2"/>
      <c r="G24" s="2"/>
      <c r="H24" s="2"/>
    </row>
    <row r="25" spans="2:11" ht="15" customHeight="1" x14ac:dyDescent="0.2">
      <c r="B25" s="2" t="s">
        <v>12</v>
      </c>
      <c r="C25" s="28"/>
      <c r="D25" s="1"/>
      <c r="F25" s="2"/>
      <c r="G25" s="2"/>
      <c r="H25" s="2"/>
    </row>
    <row r="26" spans="2:11" ht="39.950000000000003" customHeight="1" x14ac:dyDescent="0.2">
      <c r="E26" s="118"/>
      <c r="F26" s="118"/>
    </row>
    <row r="27" spans="2:11" ht="45" customHeight="1" x14ac:dyDescent="0.2">
      <c r="E27" s="86" t="s">
        <v>13</v>
      </c>
      <c r="F27" s="86"/>
      <c r="G27" s="29"/>
      <c r="H27" s="29"/>
    </row>
    <row r="28" spans="2:11" s="31" customFormat="1" x14ac:dyDescent="0.2">
      <c r="B28" s="87" t="s">
        <v>14</v>
      </c>
      <c r="C28" s="87"/>
      <c r="D28" s="30"/>
      <c r="E28" s="29"/>
      <c r="F28" s="1"/>
      <c r="G28" s="1"/>
      <c r="H28" s="1"/>
    </row>
    <row r="29" spans="2:11" s="31" customFormat="1" ht="12" customHeight="1" x14ac:dyDescent="0.2">
      <c r="B29" s="32"/>
      <c r="C29" s="33" t="s">
        <v>15</v>
      </c>
      <c r="D29" s="33"/>
      <c r="E29" s="34"/>
      <c r="F29" s="1"/>
      <c r="G29" s="1"/>
      <c r="H29" s="1"/>
      <c r="I29" s="29"/>
    </row>
  </sheetData>
  <mergeCells count="26">
    <mergeCell ref="B28:C28"/>
    <mergeCell ref="B20:C20"/>
    <mergeCell ref="D20:E20"/>
    <mergeCell ref="B21:C21"/>
    <mergeCell ref="D21:E21"/>
    <mergeCell ref="E26:F26"/>
    <mergeCell ref="E27:F27"/>
    <mergeCell ref="B19:C19"/>
    <mergeCell ref="D19:E19"/>
    <mergeCell ref="B8:F8"/>
    <mergeCell ref="B9:F9"/>
    <mergeCell ref="E10:F10"/>
    <mergeCell ref="B11:F11"/>
    <mergeCell ref="E12:F12"/>
    <mergeCell ref="B13:F13"/>
    <mergeCell ref="E14:F14"/>
    <mergeCell ref="B16:E16"/>
    <mergeCell ref="B18:C18"/>
    <mergeCell ref="D18:E18"/>
    <mergeCell ref="B1:E1"/>
    <mergeCell ref="B2:E2"/>
    <mergeCell ref="B3:E3"/>
    <mergeCell ref="B5:E5"/>
    <mergeCell ref="B6:C7"/>
    <mergeCell ref="D6:F6"/>
    <mergeCell ref="E7:F7"/>
  </mergeCells>
  <conditionalFormatting sqref="C24:C25">
    <cfRule type="containsBlanks" dxfId="173" priority="3">
      <formula>LEN(TRIM(C24))=0</formula>
    </cfRule>
  </conditionalFormatting>
  <conditionalFormatting sqref="D10 D12 D14">
    <cfRule type="containsBlanks" dxfId="172" priority="1">
      <formula>LEN(TRIM(D10))=0</formula>
    </cfRule>
  </conditionalFormatting>
  <conditionalFormatting sqref="D18:E21">
    <cfRule type="containsBlanks" dxfId="171" priority="2">
      <formula>LEN(TRIM(D18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4C8D92D-67F2-4925-9753-8B2FF9A72681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96" t="s">
        <v>0</v>
      </c>
      <c r="C1" s="96"/>
      <c r="D1" s="96"/>
      <c r="E1" s="96"/>
    </row>
    <row r="2" spans="2:12" ht="30" customHeight="1" x14ac:dyDescent="0.2">
      <c r="B2" s="97" t="str">
        <f>'Príloha č. 5 - časť 1 '!B2:E2</f>
        <v>Spotrebný zdravotnícky materiál a špeciálny zdravotnícky materiál pre intervenčnú angiológiu</v>
      </c>
      <c r="C2" s="97"/>
      <c r="D2" s="97"/>
      <c r="E2" s="97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8" t="s">
        <v>1</v>
      </c>
      <c r="C3" s="98"/>
      <c r="D3" s="98"/>
      <c r="E3" s="98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9" t="s">
        <v>130</v>
      </c>
      <c r="C5" s="99"/>
      <c r="D5" s="100"/>
      <c r="E5" s="100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101" t="s">
        <v>2</v>
      </c>
      <c r="C6" s="102"/>
      <c r="D6" s="105" t="s">
        <v>3</v>
      </c>
      <c r="E6" s="106"/>
      <c r="F6" s="107"/>
    </row>
    <row r="7" spans="2:12" s="7" customFormat="1" ht="30" customHeight="1" thickBot="1" x14ac:dyDescent="0.3">
      <c r="B7" s="103"/>
      <c r="C7" s="104"/>
      <c r="D7" s="8" t="s">
        <v>4</v>
      </c>
      <c r="E7" s="108" t="s">
        <v>5</v>
      </c>
      <c r="F7" s="109"/>
    </row>
    <row r="8" spans="2:12" s="9" customFormat="1" ht="95.25" customHeight="1" thickBot="1" x14ac:dyDescent="0.3">
      <c r="B8" s="110" t="s">
        <v>131</v>
      </c>
      <c r="C8" s="111"/>
      <c r="D8" s="111"/>
      <c r="E8" s="111"/>
      <c r="F8" s="112"/>
    </row>
    <row r="9" spans="2:12" s="9" customFormat="1" ht="28.5" customHeight="1" thickBot="1" x14ac:dyDescent="0.3">
      <c r="B9" s="113" t="s">
        <v>132</v>
      </c>
      <c r="C9" s="114"/>
      <c r="D9" s="114"/>
      <c r="E9" s="114"/>
      <c r="F9" s="115"/>
    </row>
    <row r="10" spans="2:12" s="9" customFormat="1" ht="54.75" customHeight="1" thickBot="1" x14ac:dyDescent="0.3">
      <c r="B10" s="36" t="s">
        <v>18</v>
      </c>
      <c r="C10" s="41" t="s">
        <v>135</v>
      </c>
      <c r="D10" s="10"/>
      <c r="E10" s="116"/>
      <c r="F10" s="117"/>
    </row>
    <row r="11" spans="2:12" s="9" customFormat="1" ht="30" customHeight="1" thickBot="1" x14ac:dyDescent="0.3">
      <c r="B11" s="113" t="s">
        <v>133</v>
      </c>
      <c r="C11" s="114" t="s">
        <v>21</v>
      </c>
      <c r="D11" s="114"/>
      <c r="E11" s="114"/>
      <c r="F11" s="115"/>
    </row>
    <row r="12" spans="2:12" s="9" customFormat="1" ht="69.75" customHeight="1" thickBot="1" x14ac:dyDescent="0.3">
      <c r="B12" s="42" t="s">
        <v>73</v>
      </c>
      <c r="C12" s="45" t="s">
        <v>134</v>
      </c>
      <c r="D12" s="44"/>
      <c r="E12" s="121"/>
      <c r="F12" s="122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92" t="s">
        <v>6</v>
      </c>
      <c r="C14" s="92"/>
      <c r="D14" s="92"/>
      <c r="E14" s="92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93" t="s">
        <v>7</v>
      </c>
      <c r="C16" s="93"/>
      <c r="D16" s="89"/>
      <c r="E16" s="89"/>
      <c r="H16" s="27"/>
    </row>
    <row r="17" spans="2:9" s="26" customFormat="1" ht="15" customHeight="1" x14ac:dyDescent="0.25">
      <c r="B17" s="88" t="s">
        <v>8</v>
      </c>
      <c r="C17" s="88"/>
      <c r="D17" s="89"/>
      <c r="E17" s="89"/>
    </row>
    <row r="18" spans="2:9" s="26" customFormat="1" ht="15" customHeight="1" x14ac:dyDescent="0.25">
      <c r="B18" s="88" t="s">
        <v>9</v>
      </c>
      <c r="C18" s="88"/>
      <c r="D18" s="89"/>
      <c r="E18" s="89"/>
    </row>
    <row r="19" spans="2:9" s="26" customFormat="1" ht="15" customHeight="1" x14ac:dyDescent="0.25">
      <c r="B19" s="88" t="s">
        <v>10</v>
      </c>
      <c r="C19" s="88"/>
      <c r="D19" s="89"/>
      <c r="E19" s="89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8"/>
      <c r="F24" s="118"/>
    </row>
    <row r="25" spans="2:9" ht="45" customHeight="1" x14ac:dyDescent="0.2">
      <c r="E25" s="86" t="s">
        <v>13</v>
      </c>
      <c r="F25" s="86"/>
      <c r="G25" s="29"/>
      <c r="H25" s="29"/>
    </row>
    <row r="26" spans="2:9" s="31" customFormat="1" x14ac:dyDescent="0.2">
      <c r="B26" s="87" t="s">
        <v>14</v>
      </c>
      <c r="C26" s="8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26:C26"/>
    <mergeCell ref="B18:C18"/>
    <mergeCell ref="D18:E18"/>
    <mergeCell ref="B19:C19"/>
    <mergeCell ref="D19:E19"/>
    <mergeCell ref="E24:F24"/>
    <mergeCell ref="E25:F25"/>
    <mergeCell ref="B14:E14"/>
    <mergeCell ref="B16:C16"/>
    <mergeCell ref="D16:E16"/>
    <mergeCell ref="B17:C17"/>
    <mergeCell ref="D17:E17"/>
    <mergeCell ref="B8:F8"/>
    <mergeCell ref="B9:F9"/>
    <mergeCell ref="E10:F10"/>
    <mergeCell ref="B11:F11"/>
    <mergeCell ref="E12:F12"/>
    <mergeCell ref="B1:E1"/>
    <mergeCell ref="B2:E2"/>
    <mergeCell ref="B3:E3"/>
    <mergeCell ref="B5:E5"/>
    <mergeCell ref="B6:C7"/>
    <mergeCell ref="D6:F6"/>
    <mergeCell ref="E7:F7"/>
  </mergeCells>
  <conditionalFormatting sqref="C22:C23">
    <cfRule type="containsBlanks" dxfId="170" priority="3">
      <formula>LEN(TRIM(C22))=0</formula>
    </cfRule>
  </conditionalFormatting>
  <conditionalFormatting sqref="D10 D12">
    <cfRule type="containsBlanks" dxfId="169" priority="1">
      <formula>LEN(TRIM(D10))=0</formula>
    </cfRule>
  </conditionalFormatting>
  <conditionalFormatting sqref="D16:E19">
    <cfRule type="containsBlanks" dxfId="168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5</vt:i4>
      </vt:variant>
      <vt:variant>
        <vt:lpstr>Pomenované rozsahy</vt:lpstr>
      </vt:variant>
      <vt:variant>
        <vt:i4>64</vt:i4>
      </vt:variant>
    </vt:vector>
  </HeadingPairs>
  <TitlesOfParts>
    <vt:vector size="129" baseType="lpstr">
      <vt:lpstr>Príloha č. 5 - časť 1 </vt:lpstr>
      <vt:lpstr>Príloha č. 5 - časť 2</vt:lpstr>
      <vt:lpstr>Príloha č. 5 - časť 3</vt:lpstr>
      <vt:lpstr>Príloha č. 5 - časť 4</vt:lpstr>
      <vt:lpstr>Príloha č. 5 - časť 5</vt:lpstr>
      <vt:lpstr>Príloha č. 5 - časť 6</vt:lpstr>
      <vt:lpstr>Príloha č. 5 - časť 7</vt:lpstr>
      <vt:lpstr>Príloha č. 5 - časť 8</vt:lpstr>
      <vt:lpstr>Príloha č. 5 - časť 9</vt:lpstr>
      <vt:lpstr>Príloha č. 5 - časť 10</vt:lpstr>
      <vt:lpstr>Príloha č. 5 - časť 11</vt:lpstr>
      <vt:lpstr>Príloha č. 5 - časť 12</vt:lpstr>
      <vt:lpstr>Príloha č. 5 - časť 13</vt:lpstr>
      <vt:lpstr>Príloha č. 5 - časť 14</vt:lpstr>
      <vt:lpstr>Príloha č. 5 - časť 15</vt:lpstr>
      <vt:lpstr>Príloha č. 5 - časť 16</vt:lpstr>
      <vt:lpstr>Príloha č. 5 - časť 17</vt:lpstr>
      <vt:lpstr>Príloha č. 5 - časť 18</vt:lpstr>
      <vt:lpstr>Príloha č. 5 - časť 19</vt:lpstr>
      <vt:lpstr>Príloha č. 5 - časť 20</vt:lpstr>
      <vt:lpstr>Príloha č. 5 - časť 21</vt:lpstr>
      <vt:lpstr>Príloha č. 5 - časť 22</vt:lpstr>
      <vt:lpstr>Príloha č. 5 - časť 23</vt:lpstr>
      <vt:lpstr>Príloha č. 5 - časť 24</vt:lpstr>
      <vt:lpstr>Príloha č. 5 - časť 25</vt:lpstr>
      <vt:lpstr>Príloha č. 5 - časť 26</vt:lpstr>
      <vt:lpstr>Príloha č. 5 - časť 27</vt:lpstr>
      <vt:lpstr>Príloha č. 5 - časť 28</vt:lpstr>
      <vt:lpstr>Príloha č. 5 - časť 29</vt:lpstr>
      <vt:lpstr>Príloha č. 5 - časť 30</vt:lpstr>
      <vt:lpstr>Príloha č. 5 - časť 31</vt:lpstr>
      <vt:lpstr>Príloha č. 5 - časť 32</vt:lpstr>
      <vt:lpstr>Príloha č. 5 - časť 33</vt:lpstr>
      <vt:lpstr>Príloha č. 5 - časť 34</vt:lpstr>
      <vt:lpstr>Príloha č. 5 - časť 35</vt:lpstr>
      <vt:lpstr>Príloha č. 5 - časť 36</vt:lpstr>
      <vt:lpstr>Príloha č. 5 - časť 37</vt:lpstr>
      <vt:lpstr>Príloha č. 5 - časť 38</vt:lpstr>
      <vt:lpstr>Príloha č. 5 - časť 39</vt:lpstr>
      <vt:lpstr>Príloha č. 5 - časť 40</vt:lpstr>
      <vt:lpstr>Príloha č. 5 - časť 41</vt:lpstr>
      <vt:lpstr>Príloha č. 5 - časť 42</vt:lpstr>
      <vt:lpstr>Príloha č. 5 - časť 43</vt:lpstr>
      <vt:lpstr>Príloha č. 5 - časť 44</vt:lpstr>
      <vt:lpstr>Príloha č. 5 - časť 45</vt:lpstr>
      <vt:lpstr>Príloha č. 5 - časť 46</vt:lpstr>
      <vt:lpstr>Príloha č. 5 - časť 47</vt:lpstr>
      <vt:lpstr>Príloha č. 5 - časť 48</vt:lpstr>
      <vt:lpstr>Príloha č. 5 - časť 49</vt:lpstr>
      <vt:lpstr>Príloha č. 5 - časť 50</vt:lpstr>
      <vt:lpstr>Príloha č. 5 - časť 51</vt:lpstr>
      <vt:lpstr>Príloha č. 5 - časť 52</vt:lpstr>
      <vt:lpstr>Príloha č. 5 - časť 53</vt:lpstr>
      <vt:lpstr>Príloha č. 5 - časť 54</vt:lpstr>
      <vt:lpstr>Príloha č. 5 - časť 55</vt:lpstr>
      <vt:lpstr>Príloha č. 5 - časť 56</vt:lpstr>
      <vt:lpstr>Príloha č. 5 - časť 57</vt:lpstr>
      <vt:lpstr>Príloha č. 5 - časť 58</vt:lpstr>
      <vt:lpstr>Príloha č. 5 - časť 59</vt:lpstr>
      <vt:lpstr>Príloha č. 5 - časť 60</vt:lpstr>
      <vt:lpstr>Príloha č. 5 - časť 61</vt:lpstr>
      <vt:lpstr>Príloha č. 5 - časť 62</vt:lpstr>
      <vt:lpstr>Príloha č. 5 - časť 63</vt:lpstr>
      <vt:lpstr>Príloha č. 5 - časť 64</vt:lpstr>
      <vt:lpstr>Príloha č. 5 - časť 65</vt:lpstr>
      <vt:lpstr>'Príloha č. 5 - časť 1 '!Oblasť_tlače</vt:lpstr>
      <vt:lpstr>'Príloha č. 5 - časť 10'!Oblasť_tlače</vt:lpstr>
      <vt:lpstr>'Príloha č. 5 - časť 11'!Oblasť_tlače</vt:lpstr>
      <vt:lpstr>'Príloha č. 5 - časť 12'!Oblasť_tlače</vt:lpstr>
      <vt:lpstr>'Príloha č. 5 - časť 13'!Oblasť_tlače</vt:lpstr>
      <vt:lpstr>'Príloha č. 5 - časť 14'!Oblasť_tlače</vt:lpstr>
      <vt:lpstr>'Príloha č. 5 - časť 15'!Oblasť_tlače</vt:lpstr>
      <vt:lpstr>'Príloha č. 5 - časť 16'!Oblasť_tlače</vt:lpstr>
      <vt:lpstr>'Príloha č. 5 - časť 17'!Oblasť_tlače</vt:lpstr>
      <vt:lpstr>'Príloha č. 5 - časť 18'!Oblasť_tlače</vt:lpstr>
      <vt:lpstr>'Príloha č. 5 - časť 19'!Oblasť_tlače</vt:lpstr>
      <vt:lpstr>'Príloha č. 5 - časť 2'!Oblasť_tlače</vt:lpstr>
      <vt:lpstr>'Príloha č. 5 - časť 20'!Oblasť_tlače</vt:lpstr>
      <vt:lpstr>'Príloha č. 5 - časť 21'!Oblasť_tlače</vt:lpstr>
      <vt:lpstr>'Príloha č. 5 - časť 22'!Oblasť_tlače</vt:lpstr>
      <vt:lpstr>'Príloha č. 5 - časť 23'!Oblasť_tlače</vt:lpstr>
      <vt:lpstr>'Príloha č. 5 - časť 24'!Oblasť_tlače</vt:lpstr>
      <vt:lpstr>'Príloha č. 5 - časť 25'!Oblasť_tlače</vt:lpstr>
      <vt:lpstr>'Príloha č. 5 - časť 26'!Oblasť_tlače</vt:lpstr>
      <vt:lpstr>'Príloha č. 5 - časť 27'!Oblasť_tlače</vt:lpstr>
      <vt:lpstr>'Príloha č. 5 - časť 28'!Oblasť_tlače</vt:lpstr>
      <vt:lpstr>'Príloha č. 5 - časť 29'!Oblasť_tlače</vt:lpstr>
      <vt:lpstr>'Príloha č. 5 - časť 3'!Oblasť_tlače</vt:lpstr>
      <vt:lpstr>'Príloha č. 5 - časť 30'!Oblasť_tlače</vt:lpstr>
      <vt:lpstr>'Príloha č. 5 - časť 31'!Oblasť_tlače</vt:lpstr>
      <vt:lpstr>'Príloha č. 5 - časť 32'!Oblasť_tlače</vt:lpstr>
      <vt:lpstr>'Príloha č. 5 - časť 33'!Oblasť_tlače</vt:lpstr>
      <vt:lpstr>'Príloha č. 5 - časť 34'!Oblasť_tlače</vt:lpstr>
      <vt:lpstr>'Príloha č. 5 - časť 35'!Oblasť_tlače</vt:lpstr>
      <vt:lpstr>'Príloha č. 5 - časť 36'!Oblasť_tlače</vt:lpstr>
      <vt:lpstr>'Príloha č. 5 - časť 37'!Oblasť_tlače</vt:lpstr>
      <vt:lpstr>'Príloha č. 5 - časť 38'!Oblasť_tlače</vt:lpstr>
      <vt:lpstr>'Príloha č. 5 - časť 39'!Oblasť_tlače</vt:lpstr>
      <vt:lpstr>'Príloha č. 5 - časť 4'!Oblasť_tlače</vt:lpstr>
      <vt:lpstr>'Príloha č. 5 - časť 40'!Oblasť_tlače</vt:lpstr>
      <vt:lpstr>'Príloha č. 5 - časť 41'!Oblasť_tlače</vt:lpstr>
      <vt:lpstr>'Príloha č. 5 - časť 42'!Oblasť_tlače</vt:lpstr>
      <vt:lpstr>'Príloha č. 5 - časť 44'!Oblasť_tlače</vt:lpstr>
      <vt:lpstr>'Príloha č. 5 - časť 45'!Oblasť_tlače</vt:lpstr>
      <vt:lpstr>'Príloha č. 5 - časť 46'!Oblasť_tlače</vt:lpstr>
      <vt:lpstr>'Príloha č. 5 - časť 47'!Oblasť_tlače</vt:lpstr>
      <vt:lpstr>'Príloha č. 5 - časť 48'!Oblasť_tlače</vt:lpstr>
      <vt:lpstr>'Príloha č. 5 - časť 49'!Oblasť_tlače</vt:lpstr>
      <vt:lpstr>'Príloha č. 5 - časť 5'!Oblasť_tlače</vt:lpstr>
      <vt:lpstr>'Príloha č. 5 - časť 50'!Oblasť_tlače</vt:lpstr>
      <vt:lpstr>'Príloha č. 5 - časť 51'!Oblasť_tlače</vt:lpstr>
      <vt:lpstr>'Príloha č. 5 - časť 52'!Oblasť_tlače</vt:lpstr>
      <vt:lpstr>'Príloha č. 5 - časť 53'!Oblasť_tlače</vt:lpstr>
      <vt:lpstr>'Príloha č. 5 - časť 54'!Oblasť_tlače</vt:lpstr>
      <vt:lpstr>'Príloha č. 5 - časť 55'!Oblasť_tlače</vt:lpstr>
      <vt:lpstr>'Príloha č. 5 - časť 56'!Oblasť_tlače</vt:lpstr>
      <vt:lpstr>'Príloha č. 5 - časť 57'!Oblasť_tlače</vt:lpstr>
      <vt:lpstr>'Príloha č. 5 - časť 58'!Oblasť_tlače</vt:lpstr>
      <vt:lpstr>'Príloha č. 5 - časť 59'!Oblasť_tlače</vt:lpstr>
      <vt:lpstr>'Príloha č. 5 - časť 6'!Oblasť_tlače</vt:lpstr>
      <vt:lpstr>'Príloha č. 5 - časť 60'!Oblasť_tlače</vt:lpstr>
      <vt:lpstr>'Príloha č. 5 - časť 61'!Oblasť_tlače</vt:lpstr>
      <vt:lpstr>'Príloha č. 5 - časť 62'!Oblasť_tlače</vt:lpstr>
      <vt:lpstr>'Príloha č. 5 - časť 63'!Oblasť_tlače</vt:lpstr>
      <vt:lpstr>'Príloha č. 5 - časť 64'!Oblasť_tlače</vt:lpstr>
      <vt:lpstr>'Príloha č. 5 - časť 65'!Oblasť_tlače</vt:lpstr>
      <vt:lpstr>'Príloha č. 5 - časť 7'!Oblasť_tlače</vt:lpstr>
      <vt:lpstr>'Príloha č. 5 - časť 8'!Oblasť_tlače</vt:lpstr>
      <vt:lpstr>'Príloha č. 5 - časť 9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enka Haščáková</dc:creator>
  <cp:lastModifiedBy>Magdaléna Suchá</cp:lastModifiedBy>
  <cp:lastPrinted>2025-04-29T12:35:23Z</cp:lastPrinted>
  <dcterms:created xsi:type="dcterms:W3CDTF">2023-11-28T13:26:30Z</dcterms:created>
  <dcterms:modified xsi:type="dcterms:W3CDTF">2025-06-16T06:18:38Z</dcterms:modified>
</cp:coreProperties>
</file>